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103\02_調整G\02_住基\01_住基\02_調査\02_住民基本台帳年報\R8.1.1\08-1_ホームページ（速報）（第一次数値確認の時）\"/>
    </mc:Choice>
  </mc:AlternateContent>
  <xr:revisionPtr revIDLastSave="0" documentId="13_ncr:1_{895C9C8F-0EF1-4F8C-A0D0-C5A06388917E}" xr6:coauthVersionLast="47" xr6:coauthVersionMax="47" xr10:uidLastSave="{00000000-0000-0000-0000-000000000000}"/>
  <bookViews>
    <workbookView xWindow="3210" yWindow="615" windowWidth="24375" windowHeight="13980" xr2:uid="{00000000-000D-0000-FFFF-FFFF00000000}"/>
  </bookViews>
  <sheets>
    <sheet name="Sheet1" sheetId="1" r:id="rId1"/>
  </sheets>
  <definedNames>
    <definedName name="_xlnm.Print_Area" localSheetId="0">Sheet1!$A$1:$O$6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5" uniqueCount="75">
  <si>
    <t>　　　区分</t>
  </si>
  <si>
    <t xml:space="preserve"> 団体コード</t>
  </si>
  <si>
    <t>団体名</t>
  </si>
  <si>
    <t>横浜市</t>
  </si>
  <si>
    <t>鶴見区</t>
  </si>
  <si>
    <t>神奈川区</t>
  </si>
  <si>
    <t>西区</t>
  </si>
  <si>
    <t>中区</t>
  </si>
  <si>
    <t>南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人　　口　　(人)</t>
    <rPh sb="0" eb="1">
      <t>ヒト</t>
    </rPh>
    <rPh sb="3" eb="4">
      <t>クチ</t>
    </rPh>
    <rPh sb="7" eb="8">
      <t>ニン</t>
    </rPh>
    <phoneticPr fontId="3"/>
  </si>
  <si>
    <t>世　　帯　　数</t>
    <rPh sb="0" eb="1">
      <t>ヨ</t>
    </rPh>
    <rPh sb="3" eb="4">
      <t>オビ</t>
    </rPh>
    <rPh sb="6" eb="7">
      <t>カズ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合計</t>
    <rPh sb="0" eb="2">
      <t>ゴウケイ</t>
    </rPh>
    <phoneticPr fontId="3"/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計</t>
    <rPh sb="0" eb="1">
      <t>ケイ</t>
    </rPh>
    <phoneticPr fontId="3"/>
  </si>
  <si>
    <t>複数国籍</t>
    <rPh sb="0" eb="2">
      <t>フクスウ</t>
    </rPh>
    <rPh sb="2" eb="4">
      <t>コクセキ</t>
    </rPh>
    <phoneticPr fontId="3"/>
  </si>
  <si>
    <t>神奈川県計</t>
    <phoneticPr fontId="4"/>
  </si>
  <si>
    <t xml:space="preserve"> 計</t>
    <rPh sb="1" eb="2">
      <t>ケイ</t>
    </rPh>
    <phoneticPr fontId="3"/>
  </si>
  <si>
    <t>保土ケ谷区</t>
    <phoneticPr fontId="2"/>
  </si>
  <si>
    <t>注）「複数国籍世帯」とは、日本人住民と外国人住民の混合世帯のことをいう。</t>
    <rPh sb="0" eb="1">
      <t>チュウ</t>
    </rPh>
    <rPh sb="3" eb="5">
      <t>フクスウ</t>
    </rPh>
    <rPh sb="5" eb="7">
      <t>コクセキ</t>
    </rPh>
    <rPh sb="7" eb="9">
      <t>セタイ</t>
    </rPh>
    <rPh sb="13" eb="16">
      <t>ニホンジン</t>
    </rPh>
    <rPh sb="16" eb="18">
      <t>ジュウミン</t>
    </rPh>
    <rPh sb="19" eb="21">
      <t>ガイコク</t>
    </rPh>
    <rPh sb="21" eb="22">
      <t>ジン</t>
    </rPh>
    <rPh sb="22" eb="24">
      <t>ジュウミン</t>
    </rPh>
    <rPh sb="25" eb="27">
      <t>コンゴウ</t>
    </rPh>
    <rPh sb="27" eb="29">
      <t>セタイ</t>
    </rPh>
    <phoneticPr fontId="2"/>
  </si>
  <si>
    <t>市町村別人口､世帯数(2026(令和８)年１月１日現在)</t>
    <rPh sb="16" eb="18">
      <t>レイ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1"/>
      <color indexed="60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/>
      <right/>
      <top style="medium">
        <color indexed="8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medium">
        <color indexed="8"/>
      </top>
      <bottom style="thin">
        <color indexed="8"/>
      </bottom>
      <diagonal/>
    </border>
    <border>
      <left/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 style="medium">
        <color indexed="8"/>
      </top>
      <bottom style="thin">
        <color indexed="8"/>
      </bottom>
      <diagonal/>
    </border>
    <border>
      <left/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/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medium">
        <color indexed="8"/>
      </right>
      <top style="thin">
        <color indexed="8"/>
      </top>
      <bottom/>
      <diagonal/>
    </border>
    <border>
      <left style="medium">
        <color indexed="8"/>
      </left>
      <right style="medium">
        <color indexed="8"/>
      </right>
      <top/>
      <bottom style="double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/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8"/>
      </right>
      <top/>
      <bottom style="double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/>
      <right style="dotted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/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hair">
        <color indexed="8"/>
      </bottom>
      <diagonal/>
    </border>
    <border>
      <left/>
      <right style="dotted">
        <color indexed="8"/>
      </right>
      <top style="thin">
        <color indexed="8"/>
      </top>
      <bottom style="hair">
        <color indexed="8"/>
      </bottom>
      <diagonal/>
    </border>
    <border>
      <left style="medium">
        <color indexed="8"/>
      </left>
      <right/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/>
      <right style="thin">
        <color indexed="8"/>
      </right>
      <top style="thin">
        <color indexed="8"/>
      </top>
      <bottom style="hair">
        <color indexed="8"/>
      </bottom>
      <diagonal/>
    </border>
    <border>
      <left style="medium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/>
      <right style="dotted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medium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/>
      <top/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/>
      <right style="thin">
        <color indexed="8"/>
      </right>
      <top/>
      <bottom style="hair">
        <color indexed="8"/>
      </bottom>
      <diagonal/>
    </border>
    <border>
      <left style="medium">
        <color indexed="8"/>
      </left>
      <right style="medium">
        <color indexed="8"/>
      </right>
      <top style="hair">
        <color indexed="8"/>
      </top>
      <bottom style="medium">
        <color indexed="8"/>
      </bottom>
      <diagonal/>
    </border>
    <border>
      <left/>
      <right style="dotted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/>
      <top style="hair">
        <color indexed="8"/>
      </top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medium">
        <color indexed="8"/>
      </bottom>
      <diagonal/>
    </border>
    <border>
      <left/>
      <right style="medium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/>
      <diagonal/>
    </border>
    <border>
      <left style="thin">
        <color indexed="8"/>
      </left>
      <right style="medium">
        <color indexed="8"/>
      </right>
      <top/>
      <bottom style="hair">
        <color indexed="8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</cellStyleXfs>
  <cellXfs count="75">
    <xf numFmtId="0" fontId="0" fillId="0" borderId="0" xfId="0">
      <alignment vertical="center"/>
    </xf>
    <xf numFmtId="0" fontId="6" fillId="0" borderId="0" xfId="0" applyFont="1" applyFill="1" applyAlignment="1" applyProtection="1">
      <alignment vertical="center"/>
    </xf>
    <xf numFmtId="0" fontId="7" fillId="0" borderId="0" xfId="0" applyFont="1" applyFill="1" applyAlignment="1" applyProtection="1">
      <alignment vertical="center"/>
    </xf>
    <xf numFmtId="0" fontId="7" fillId="0" borderId="0" xfId="0" applyFont="1" applyAlignment="1">
      <alignment vertical="center"/>
    </xf>
    <xf numFmtId="0" fontId="7" fillId="0" borderId="0" xfId="0" applyNumberFormat="1" applyFont="1" applyFill="1" applyBorder="1" applyAlignment="1" applyProtection="1">
      <alignment vertical="center"/>
    </xf>
    <xf numFmtId="0" fontId="7" fillId="0" borderId="0" xfId="0" applyFont="1" applyFill="1" applyBorder="1" applyAlignment="1" applyProtection="1">
      <alignment horizontal="center" vertical="center"/>
    </xf>
    <xf numFmtId="0" fontId="7" fillId="0" borderId="1" xfId="0" applyFont="1" applyFill="1" applyBorder="1" applyAlignment="1" applyProtection="1">
      <alignment horizontal="right" vertical="center"/>
    </xf>
    <xf numFmtId="0" fontId="7" fillId="0" borderId="2" xfId="0" applyFont="1" applyFill="1" applyBorder="1" applyAlignment="1" applyProtection="1">
      <alignment vertical="center"/>
    </xf>
    <xf numFmtId="0" fontId="7" fillId="0" borderId="8" xfId="0" applyFont="1" applyFill="1" applyBorder="1" applyAlignment="1" applyProtection="1">
      <alignment vertical="center"/>
    </xf>
    <xf numFmtId="0" fontId="7" fillId="0" borderId="14" xfId="0" applyFont="1" applyFill="1" applyBorder="1" applyAlignment="1" applyProtection="1">
      <alignment horizontal="center" vertical="center"/>
    </xf>
    <xf numFmtId="0" fontId="7" fillId="0" borderId="15" xfId="0" applyFont="1" applyFill="1" applyBorder="1" applyAlignment="1" applyProtection="1">
      <alignment horizontal="center" vertical="center"/>
    </xf>
    <xf numFmtId="0" fontId="7" fillId="0" borderId="16" xfId="0" applyFont="1" applyFill="1" applyBorder="1" applyAlignment="1" applyProtection="1">
      <alignment vertical="center"/>
    </xf>
    <xf numFmtId="0" fontId="7" fillId="0" borderId="17" xfId="0" applyFont="1" applyBorder="1" applyAlignment="1" applyProtection="1">
      <alignment horizontal="center" vertical="center"/>
    </xf>
    <xf numFmtId="0" fontId="7" fillId="0" borderId="18" xfId="0" applyFont="1" applyBorder="1" applyAlignment="1" applyProtection="1">
      <alignment horizontal="center" vertical="center"/>
    </xf>
    <xf numFmtId="0" fontId="7" fillId="0" borderId="19" xfId="0" applyFont="1" applyFill="1" applyBorder="1" applyAlignment="1" applyProtection="1">
      <alignment horizontal="center" vertical="center"/>
    </xf>
    <xf numFmtId="0" fontId="7" fillId="0" borderId="20" xfId="0" applyFont="1" applyFill="1" applyBorder="1" applyAlignment="1" applyProtection="1">
      <alignment horizontal="center" vertical="center"/>
    </xf>
    <xf numFmtId="0" fontId="7" fillId="0" borderId="21" xfId="0" applyFont="1" applyFill="1" applyBorder="1" applyAlignment="1" applyProtection="1">
      <alignment horizontal="center" vertical="center"/>
    </xf>
    <xf numFmtId="0" fontId="7" fillId="0" borderId="22" xfId="0" applyFont="1" applyBorder="1" applyAlignment="1" applyProtection="1">
      <alignment horizontal="left" vertical="center"/>
    </xf>
    <xf numFmtId="0" fontId="7" fillId="0" borderId="23" xfId="0" applyFont="1" applyBorder="1" applyAlignment="1" applyProtection="1">
      <alignment horizontal="center" vertical="center"/>
    </xf>
    <xf numFmtId="38" fontId="7" fillId="0" borderId="24" xfId="1" applyFont="1" applyFill="1" applyBorder="1" applyAlignment="1" applyProtection="1">
      <alignment vertical="center"/>
    </xf>
    <xf numFmtId="38" fontId="7" fillId="0" borderId="11" xfId="1" applyFont="1" applyFill="1" applyBorder="1" applyAlignment="1" applyProtection="1">
      <alignment vertical="center"/>
    </xf>
    <xf numFmtId="38" fontId="7" fillId="0" borderId="10" xfId="1" applyFont="1" applyFill="1" applyBorder="1" applyAlignment="1" applyProtection="1">
      <alignment vertical="center"/>
    </xf>
    <xf numFmtId="38" fontId="7" fillId="0" borderId="46" xfId="1" applyFont="1" applyFill="1" applyBorder="1" applyAlignment="1" applyProtection="1">
      <alignment vertical="center"/>
    </xf>
    <xf numFmtId="0" fontId="7" fillId="0" borderId="25" xfId="0" applyFont="1" applyBorder="1" applyAlignment="1" applyProtection="1">
      <alignment horizontal="left" vertical="center"/>
    </xf>
    <xf numFmtId="0" fontId="7" fillId="0" borderId="26" xfId="0" applyFont="1" applyBorder="1" applyAlignment="1" applyProtection="1">
      <alignment horizontal="center" vertical="center"/>
    </xf>
    <xf numFmtId="38" fontId="7" fillId="0" borderId="27" xfId="1" applyFont="1" applyFill="1" applyBorder="1" applyAlignment="1" applyProtection="1">
      <alignment vertical="center"/>
    </xf>
    <xf numFmtId="38" fontId="7" fillId="0" borderId="28" xfId="1" applyFont="1" applyFill="1" applyBorder="1" applyAlignment="1" applyProtection="1">
      <alignment vertical="center"/>
    </xf>
    <xf numFmtId="38" fontId="7" fillId="0" borderId="29" xfId="1" applyFont="1" applyFill="1" applyBorder="1" applyAlignment="1" applyProtection="1">
      <alignment vertical="center"/>
    </xf>
    <xf numFmtId="38" fontId="7" fillId="0" borderId="47" xfId="1" applyFont="1" applyFill="1" applyBorder="1" applyAlignment="1" applyProtection="1">
      <alignment vertical="center"/>
    </xf>
    <xf numFmtId="0" fontId="7" fillId="0" borderId="30" xfId="0" applyFont="1" applyBorder="1" applyAlignment="1" applyProtection="1">
      <alignment horizontal="right" vertical="center"/>
    </xf>
    <xf numFmtId="0" fontId="7" fillId="0" borderId="31" xfId="0" applyFont="1" applyBorder="1" applyAlignment="1" applyProtection="1">
      <alignment horizontal="center" vertical="center"/>
    </xf>
    <xf numFmtId="38" fontId="7" fillId="0" borderId="33" xfId="2" applyFont="1" applyFill="1" applyBorder="1" applyAlignment="1" applyProtection="1">
      <alignment vertical="center"/>
      <protection locked="0"/>
    </xf>
    <xf numFmtId="38" fontId="7" fillId="0" borderId="34" xfId="2" applyFont="1" applyFill="1" applyBorder="1" applyAlignment="1" applyProtection="1">
      <alignment vertical="center"/>
      <protection locked="0"/>
    </xf>
    <xf numFmtId="38" fontId="7" fillId="0" borderId="34" xfId="1" applyFont="1" applyFill="1" applyBorder="1" applyAlignment="1">
      <alignment vertical="center"/>
    </xf>
    <xf numFmtId="38" fontId="7" fillId="0" borderId="34" xfId="1" applyFont="1" applyFill="1" applyBorder="1" applyAlignment="1" applyProtection="1">
      <alignment vertical="center"/>
    </xf>
    <xf numFmtId="38" fontId="7" fillId="0" borderId="32" xfId="1" applyFont="1" applyFill="1" applyBorder="1" applyAlignment="1" applyProtection="1">
      <alignment vertical="center"/>
    </xf>
    <xf numFmtId="38" fontId="7" fillId="0" borderId="32" xfId="2" applyFont="1" applyFill="1" applyBorder="1" applyAlignment="1" applyProtection="1">
      <alignment vertical="center"/>
      <protection locked="0"/>
    </xf>
    <xf numFmtId="38" fontId="7" fillId="0" borderId="36" xfId="1" applyFont="1" applyFill="1" applyBorder="1" applyAlignment="1" applyProtection="1">
      <alignment vertical="center"/>
    </xf>
    <xf numFmtId="0" fontId="7" fillId="0" borderId="30" xfId="0" applyFont="1" applyBorder="1" applyAlignment="1" applyProtection="1">
      <alignment horizontal="left" vertical="center"/>
    </xf>
    <xf numFmtId="38" fontId="7" fillId="0" borderId="33" xfId="1" applyFont="1" applyFill="1" applyBorder="1" applyAlignment="1" applyProtection="1">
      <alignment vertical="center"/>
    </xf>
    <xf numFmtId="38" fontId="7" fillId="0" borderId="48" xfId="1" applyFont="1" applyFill="1" applyBorder="1" applyAlignment="1" applyProtection="1">
      <alignment vertical="center"/>
    </xf>
    <xf numFmtId="38" fontId="7" fillId="0" borderId="35" xfId="2" applyFont="1" applyFill="1" applyBorder="1" applyAlignment="1" applyProtection="1">
      <alignment vertical="center"/>
      <protection locked="0"/>
    </xf>
    <xf numFmtId="38" fontId="7" fillId="0" borderId="37" xfId="2" applyFont="1" applyFill="1" applyBorder="1" applyAlignment="1" applyProtection="1">
      <alignment vertical="center"/>
      <protection locked="0"/>
    </xf>
    <xf numFmtId="38" fontId="7" fillId="0" borderId="38" xfId="2" applyFont="1" applyFill="1" applyBorder="1" applyAlignment="1" applyProtection="1">
      <alignment vertical="center"/>
      <protection locked="0"/>
    </xf>
    <xf numFmtId="38" fontId="7" fillId="0" borderId="38" xfId="1" applyFont="1" applyFill="1" applyBorder="1" applyAlignment="1">
      <alignment vertical="center"/>
    </xf>
    <xf numFmtId="38" fontId="7" fillId="0" borderId="38" xfId="1" applyFont="1" applyFill="1" applyBorder="1" applyAlignment="1" applyProtection="1">
      <alignment vertical="center"/>
    </xf>
    <xf numFmtId="38" fontId="7" fillId="0" borderId="39" xfId="2" applyFont="1" applyFill="1" applyBorder="1" applyAlignment="1" applyProtection="1">
      <alignment vertical="center"/>
      <protection locked="0"/>
    </xf>
    <xf numFmtId="38" fontId="7" fillId="0" borderId="49" xfId="1" applyFont="1" applyFill="1" applyBorder="1" applyAlignment="1" applyProtection="1">
      <alignment vertical="center"/>
    </xf>
    <xf numFmtId="38" fontId="7" fillId="0" borderId="33" xfId="1" applyFont="1" applyFill="1" applyBorder="1" applyAlignment="1" applyProtection="1">
      <alignment vertical="center"/>
      <protection locked="0"/>
    </xf>
    <xf numFmtId="38" fontId="7" fillId="0" borderId="34" xfId="1" applyFont="1" applyFill="1" applyBorder="1" applyAlignment="1" applyProtection="1">
      <alignment vertical="center"/>
      <protection locked="0"/>
    </xf>
    <xf numFmtId="38" fontId="7" fillId="0" borderId="32" xfId="1" applyFont="1" applyFill="1" applyBorder="1" applyAlignment="1" applyProtection="1">
      <alignment vertical="center"/>
      <protection locked="0"/>
    </xf>
    <xf numFmtId="0" fontId="7" fillId="0" borderId="40" xfId="0" applyFont="1" applyBorder="1" applyAlignment="1" applyProtection="1">
      <alignment horizontal="left" vertical="center"/>
    </xf>
    <xf numFmtId="0" fontId="7" fillId="0" borderId="41" xfId="0" applyFont="1" applyBorder="1" applyAlignment="1" applyProtection="1">
      <alignment horizontal="center" vertical="center"/>
    </xf>
    <xf numFmtId="38" fontId="7" fillId="0" borderId="43" xfId="2" applyFont="1" applyFill="1" applyBorder="1" applyAlignment="1" applyProtection="1">
      <alignment vertical="center"/>
      <protection locked="0"/>
    </xf>
    <xf numFmtId="38" fontId="7" fillId="0" borderId="44" xfId="2" applyFont="1" applyFill="1" applyBorder="1" applyAlignment="1" applyProtection="1">
      <alignment vertical="center"/>
      <protection locked="0"/>
    </xf>
    <xf numFmtId="38" fontId="7" fillId="0" borderId="44" xfId="1" applyFont="1" applyFill="1" applyBorder="1" applyAlignment="1">
      <alignment vertical="center"/>
    </xf>
    <xf numFmtId="38" fontId="7" fillId="0" borderId="44" xfId="1" applyFont="1" applyFill="1" applyBorder="1" applyAlignment="1" applyProtection="1">
      <alignment vertical="center"/>
    </xf>
    <xf numFmtId="38" fontId="7" fillId="0" borderId="42" xfId="1" applyFont="1" applyFill="1" applyBorder="1" applyAlignment="1" applyProtection="1">
      <alignment vertical="center"/>
    </xf>
    <xf numFmtId="38" fontId="7" fillId="0" borderId="42" xfId="2" applyFont="1" applyFill="1" applyBorder="1" applyAlignment="1" applyProtection="1">
      <alignment vertical="center"/>
      <protection locked="0"/>
    </xf>
    <xf numFmtId="38" fontId="7" fillId="0" borderId="45" xfId="1" applyFont="1" applyFill="1" applyBorder="1" applyAlignment="1" applyProtection="1">
      <alignment vertical="center"/>
    </xf>
    <xf numFmtId="38" fontId="7" fillId="0" borderId="0" xfId="0" applyNumberFormat="1" applyFont="1" applyAlignment="1">
      <alignment vertical="center"/>
    </xf>
    <xf numFmtId="0" fontId="7" fillId="0" borderId="8" xfId="0" applyFont="1" applyFill="1" applyBorder="1" applyAlignment="1" applyProtection="1">
      <alignment vertical="center" wrapText="1"/>
    </xf>
    <xf numFmtId="0" fontId="0" fillId="0" borderId="16" xfId="0" applyFont="1" applyBorder="1" applyAlignment="1">
      <alignment vertical="center" wrapText="1"/>
    </xf>
    <xf numFmtId="0" fontId="7" fillId="0" borderId="3" xfId="0" applyFont="1" applyFill="1" applyBorder="1" applyAlignment="1" applyProtection="1">
      <alignment horizontal="center" vertical="center"/>
    </xf>
    <xf numFmtId="0" fontId="7" fillId="0" borderId="4" xfId="0" applyFont="1" applyFill="1" applyBorder="1" applyAlignment="1" applyProtection="1">
      <alignment horizontal="center" vertical="center"/>
    </xf>
    <xf numFmtId="0" fontId="7" fillId="0" borderId="5" xfId="0" applyFont="1" applyFill="1" applyBorder="1" applyAlignment="1" applyProtection="1">
      <alignment horizontal="center" vertical="center"/>
    </xf>
    <xf numFmtId="0" fontId="7" fillId="0" borderId="6" xfId="0" applyFont="1" applyFill="1" applyBorder="1" applyAlignment="1" applyProtection="1">
      <alignment horizontal="center" vertical="center"/>
    </xf>
    <xf numFmtId="0" fontId="7" fillId="0" borderId="7" xfId="0" applyFont="1" applyFill="1" applyBorder="1" applyAlignment="1" applyProtection="1">
      <alignment horizontal="center" vertical="center"/>
    </xf>
    <xf numFmtId="0" fontId="7" fillId="0" borderId="9" xfId="0" applyFont="1" applyFill="1" applyBorder="1" applyAlignment="1" applyProtection="1">
      <alignment horizontal="center" vertical="center"/>
    </xf>
    <xf numFmtId="0" fontId="7" fillId="0" borderId="10" xfId="0" applyFont="1" applyFill="1" applyBorder="1" applyAlignment="1" applyProtection="1">
      <alignment horizontal="center" vertical="center"/>
    </xf>
    <xf numFmtId="38" fontId="7" fillId="0" borderId="10" xfId="2" applyFont="1" applyFill="1" applyBorder="1" applyAlignment="1" applyProtection="1">
      <alignment horizontal="center" vertical="center"/>
    </xf>
    <xf numFmtId="38" fontId="7" fillId="0" borderId="11" xfId="2" applyFont="1" applyFill="1" applyBorder="1" applyAlignment="1" applyProtection="1">
      <alignment horizontal="center" vertical="center"/>
    </xf>
    <xf numFmtId="0" fontId="7" fillId="0" borderId="11" xfId="0" applyFont="1" applyFill="1" applyBorder="1" applyAlignment="1" applyProtection="1">
      <alignment horizontal="center" vertical="center"/>
    </xf>
    <xf numFmtId="0" fontId="7" fillId="0" borderId="12" xfId="0" applyFont="1" applyFill="1" applyBorder="1" applyAlignment="1" applyProtection="1">
      <alignment horizontal="center" vertical="center"/>
    </xf>
    <xf numFmtId="0" fontId="7" fillId="0" borderId="13" xfId="0" applyFont="1" applyFill="1" applyBorder="1" applyAlignment="1" applyProtection="1">
      <alignment horizontal="center" vertical="center"/>
    </xf>
  </cellXfs>
  <cellStyles count="3">
    <cellStyle name="桁区切り" xfId="1" builtinId="6"/>
    <cellStyle name="桁区切り 2" xfId="2" xr:uid="{00000000-0005-0000-0000-000001000000}"/>
    <cellStyle name="標準" xfId="0" builtinId="0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804</xdr:colOff>
      <xdr:row>1</xdr:row>
      <xdr:rowOff>299357</xdr:rowOff>
    </xdr:from>
    <xdr:to>
      <xdr:col>0</xdr:col>
      <xdr:colOff>952500</xdr:colOff>
      <xdr:row>4</xdr:row>
      <xdr:rowOff>299357</xdr:rowOff>
    </xdr:to>
    <xdr:cxnSp macro="">
      <xdr:nvCxnSpPr>
        <xdr:cNvPr id="2" name="直線コネクタ 2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CxnSpPr>
          <a:cxnSpLocks noChangeShapeType="1"/>
        </xdr:cNvCxnSpPr>
      </xdr:nvCxnSpPr>
      <xdr:spPr bwMode="auto">
        <a:xfrm>
          <a:off x="6804" y="605518"/>
          <a:ext cx="945696" cy="918482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B68"/>
  <sheetViews>
    <sheetView tabSelected="1" view="pageBreakPreview" zoomScale="70" zoomScaleNormal="100" zoomScaleSheetLayoutView="70" workbookViewId="0">
      <selection activeCell="A2" sqref="A2"/>
    </sheetView>
  </sheetViews>
  <sheetFormatPr defaultColWidth="9" defaultRowHeight="14.25" x14ac:dyDescent="0.15"/>
  <cols>
    <col min="1" max="1" width="11.625" style="3" customWidth="1"/>
    <col min="2" max="2" width="7.25" style="3" customWidth="1"/>
    <col min="3" max="4" width="10.625" style="3" customWidth="1"/>
    <col min="5" max="5" width="11.625" style="3" customWidth="1"/>
    <col min="6" max="7" width="10.625" style="3" customWidth="1"/>
    <col min="8" max="8" width="11.625" style="3" customWidth="1"/>
    <col min="9" max="10" width="10.625" style="3" customWidth="1"/>
    <col min="11" max="11" width="11.625" style="3" customWidth="1"/>
    <col min="12" max="14" width="10.625" style="3" customWidth="1"/>
    <col min="15" max="15" width="11.625" style="3" customWidth="1"/>
    <col min="16" max="16" width="11.75" style="3" bestFit="1" customWidth="1"/>
    <col min="17" max="17" width="9.625" style="3" bestFit="1" customWidth="1"/>
    <col min="18" max="19" width="11.75" style="3" bestFit="1" customWidth="1"/>
    <col min="20" max="20" width="9" style="3"/>
    <col min="21" max="22" width="11.75" style="3" bestFit="1" customWidth="1"/>
    <col min="23" max="23" width="9" style="3"/>
    <col min="24" max="25" width="11.75" style="3" bestFit="1" customWidth="1"/>
    <col min="26" max="27" width="9" style="3"/>
    <col min="28" max="28" width="11.75" style="3" bestFit="1" customWidth="1"/>
    <col min="29" max="16384" width="9" style="3"/>
  </cols>
  <sheetData>
    <row r="1" spans="1:28" ht="24" customHeight="1" x14ac:dyDescent="0.15">
      <c r="A1" s="1" t="s">
        <v>74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28" ht="24" customHeight="1" thickBot="1" x14ac:dyDescent="0.2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4"/>
      <c r="O2" s="5"/>
    </row>
    <row r="3" spans="1:28" ht="24" customHeight="1" x14ac:dyDescent="0.15">
      <c r="A3" s="6" t="s">
        <v>0</v>
      </c>
      <c r="B3" s="7"/>
      <c r="C3" s="63" t="s">
        <v>61</v>
      </c>
      <c r="D3" s="64"/>
      <c r="E3" s="64"/>
      <c r="F3" s="64"/>
      <c r="G3" s="64"/>
      <c r="H3" s="64"/>
      <c r="I3" s="64"/>
      <c r="J3" s="64"/>
      <c r="K3" s="65"/>
      <c r="L3" s="66" t="s">
        <v>62</v>
      </c>
      <c r="M3" s="64"/>
      <c r="N3" s="64"/>
      <c r="O3" s="67"/>
    </row>
    <row r="4" spans="1:28" ht="24" customHeight="1" x14ac:dyDescent="0.15">
      <c r="A4" s="8"/>
      <c r="B4" s="61" t="s">
        <v>1</v>
      </c>
      <c r="C4" s="68" t="s">
        <v>63</v>
      </c>
      <c r="D4" s="69"/>
      <c r="E4" s="69"/>
      <c r="F4" s="70" t="s">
        <v>64</v>
      </c>
      <c r="G4" s="70"/>
      <c r="H4" s="71"/>
      <c r="I4" s="72" t="s">
        <v>65</v>
      </c>
      <c r="J4" s="73"/>
      <c r="K4" s="74"/>
      <c r="L4" s="9"/>
      <c r="M4" s="9"/>
      <c r="N4" s="9"/>
      <c r="O4" s="10"/>
    </row>
    <row r="5" spans="1:28" ht="24" customHeight="1" thickBot="1" x14ac:dyDescent="0.2">
      <c r="A5" s="11" t="s">
        <v>2</v>
      </c>
      <c r="B5" s="62"/>
      <c r="C5" s="12" t="s">
        <v>66</v>
      </c>
      <c r="D5" s="13" t="s">
        <v>67</v>
      </c>
      <c r="E5" s="13" t="s">
        <v>68</v>
      </c>
      <c r="F5" s="13" t="s">
        <v>66</v>
      </c>
      <c r="G5" s="13" t="s">
        <v>67</v>
      </c>
      <c r="H5" s="13" t="s">
        <v>68</v>
      </c>
      <c r="I5" s="13" t="s">
        <v>66</v>
      </c>
      <c r="J5" s="13" t="s">
        <v>67</v>
      </c>
      <c r="K5" s="14" t="s">
        <v>68</v>
      </c>
      <c r="L5" s="15" t="s">
        <v>66</v>
      </c>
      <c r="M5" s="15" t="s">
        <v>67</v>
      </c>
      <c r="N5" s="15" t="s">
        <v>69</v>
      </c>
      <c r="O5" s="16" t="s">
        <v>71</v>
      </c>
    </row>
    <row r="6" spans="1:28" ht="24" customHeight="1" thickTop="1" x14ac:dyDescent="0.15">
      <c r="A6" s="17" t="s">
        <v>70</v>
      </c>
      <c r="B6" s="18">
        <v>140007</v>
      </c>
      <c r="C6" s="19">
        <v>4414130</v>
      </c>
      <c r="D6" s="20">
        <v>158757</v>
      </c>
      <c r="E6" s="21">
        <v>4572887</v>
      </c>
      <c r="F6" s="21">
        <v>4470778</v>
      </c>
      <c r="G6" s="21">
        <v>151057</v>
      </c>
      <c r="H6" s="21">
        <v>4621835</v>
      </c>
      <c r="I6" s="21">
        <v>8884908</v>
      </c>
      <c r="J6" s="21">
        <v>309815</v>
      </c>
      <c r="K6" s="21">
        <v>9194723</v>
      </c>
      <c r="L6" s="21">
        <v>4424001</v>
      </c>
      <c r="M6" s="21">
        <v>176730</v>
      </c>
      <c r="N6" s="21">
        <v>50097</v>
      </c>
      <c r="O6" s="22">
        <v>4650828</v>
      </c>
      <c r="P6" s="60"/>
      <c r="Q6" s="60"/>
      <c r="R6" s="60"/>
      <c r="S6" s="60"/>
      <c r="T6" s="60"/>
      <c r="U6" s="60"/>
      <c r="V6" s="60"/>
      <c r="W6" s="60"/>
      <c r="X6" s="60"/>
      <c r="Y6" s="60"/>
      <c r="Z6" s="60"/>
      <c r="AA6" s="60"/>
      <c r="AB6" s="60"/>
    </row>
    <row r="7" spans="1:28" ht="24" customHeight="1" x14ac:dyDescent="0.15">
      <c r="A7" s="23" t="s">
        <v>3</v>
      </c>
      <c r="B7" s="24">
        <v>141003</v>
      </c>
      <c r="C7" s="25">
        <v>1787527</v>
      </c>
      <c r="D7" s="26">
        <v>69255</v>
      </c>
      <c r="E7" s="26">
        <v>1856782</v>
      </c>
      <c r="F7" s="26">
        <v>1827988</v>
      </c>
      <c r="G7" s="26">
        <v>68545</v>
      </c>
      <c r="H7" s="26">
        <v>1896533</v>
      </c>
      <c r="I7" s="26">
        <v>3615515</v>
      </c>
      <c r="J7" s="26">
        <v>137800</v>
      </c>
      <c r="K7" s="26">
        <v>3753315</v>
      </c>
      <c r="L7" s="26">
        <v>1809035</v>
      </c>
      <c r="M7" s="26">
        <v>76412</v>
      </c>
      <c r="N7" s="27">
        <v>21861</v>
      </c>
      <c r="O7" s="28">
        <v>1907308</v>
      </c>
    </row>
    <row r="8" spans="1:28" ht="24" customHeight="1" x14ac:dyDescent="0.15">
      <c r="A8" s="29" t="s">
        <v>4</v>
      </c>
      <c r="B8" s="30">
        <v>141011</v>
      </c>
      <c r="C8" s="31">
        <v>143964</v>
      </c>
      <c r="D8" s="32">
        <v>9560</v>
      </c>
      <c r="E8" s="33">
        <v>153524</v>
      </c>
      <c r="F8" s="32">
        <v>134940</v>
      </c>
      <c r="G8" s="32">
        <v>8810</v>
      </c>
      <c r="H8" s="33">
        <v>143750</v>
      </c>
      <c r="I8" s="34">
        <v>278904</v>
      </c>
      <c r="J8" s="34">
        <v>18370</v>
      </c>
      <c r="K8" s="35">
        <v>297274</v>
      </c>
      <c r="L8" s="32">
        <v>144532</v>
      </c>
      <c r="M8" s="32">
        <v>10318</v>
      </c>
      <c r="N8" s="36">
        <v>2314</v>
      </c>
      <c r="O8" s="37">
        <v>157164</v>
      </c>
    </row>
    <row r="9" spans="1:28" ht="24" customHeight="1" x14ac:dyDescent="0.15">
      <c r="A9" s="29" t="s">
        <v>5</v>
      </c>
      <c r="B9" s="30">
        <v>141020</v>
      </c>
      <c r="C9" s="31">
        <v>119355</v>
      </c>
      <c r="D9" s="32">
        <v>5414</v>
      </c>
      <c r="E9" s="33">
        <v>124769</v>
      </c>
      <c r="F9" s="32">
        <v>117773</v>
      </c>
      <c r="G9" s="32">
        <v>5414</v>
      </c>
      <c r="H9" s="33">
        <v>123187</v>
      </c>
      <c r="I9" s="34">
        <v>237128</v>
      </c>
      <c r="J9" s="34">
        <v>10828</v>
      </c>
      <c r="K9" s="35">
        <v>247956</v>
      </c>
      <c r="L9" s="32">
        <v>129470</v>
      </c>
      <c r="M9" s="32">
        <v>6668</v>
      </c>
      <c r="N9" s="36">
        <v>1365</v>
      </c>
      <c r="O9" s="37">
        <v>137503</v>
      </c>
    </row>
    <row r="10" spans="1:28" ht="24" customHeight="1" x14ac:dyDescent="0.15">
      <c r="A10" s="29" t="s">
        <v>6</v>
      </c>
      <c r="B10" s="30">
        <v>141038</v>
      </c>
      <c r="C10" s="31">
        <v>50378</v>
      </c>
      <c r="D10" s="32">
        <v>3372</v>
      </c>
      <c r="E10" s="33">
        <v>53750</v>
      </c>
      <c r="F10" s="32">
        <v>50262</v>
      </c>
      <c r="G10" s="32">
        <v>3334</v>
      </c>
      <c r="H10" s="33">
        <v>53596</v>
      </c>
      <c r="I10" s="34">
        <v>100640</v>
      </c>
      <c r="J10" s="34">
        <v>6706</v>
      </c>
      <c r="K10" s="35">
        <v>107346</v>
      </c>
      <c r="L10" s="32">
        <v>57783</v>
      </c>
      <c r="M10" s="32">
        <v>4182</v>
      </c>
      <c r="N10" s="36">
        <v>773</v>
      </c>
      <c r="O10" s="37">
        <v>62738</v>
      </c>
    </row>
    <row r="11" spans="1:28" ht="24" customHeight="1" x14ac:dyDescent="0.15">
      <c r="A11" s="29" t="s">
        <v>7</v>
      </c>
      <c r="B11" s="30">
        <v>141046</v>
      </c>
      <c r="C11" s="31">
        <v>70869</v>
      </c>
      <c r="D11" s="32">
        <v>9617</v>
      </c>
      <c r="E11" s="33">
        <v>80486</v>
      </c>
      <c r="F11" s="32">
        <v>65644</v>
      </c>
      <c r="G11" s="32">
        <v>10047</v>
      </c>
      <c r="H11" s="33">
        <v>75691</v>
      </c>
      <c r="I11" s="34">
        <v>136513</v>
      </c>
      <c r="J11" s="34">
        <v>19664</v>
      </c>
      <c r="K11" s="35">
        <v>156177</v>
      </c>
      <c r="L11" s="32">
        <v>80332</v>
      </c>
      <c r="M11" s="32">
        <v>10818</v>
      </c>
      <c r="N11" s="36">
        <v>2401</v>
      </c>
      <c r="O11" s="37">
        <v>93551</v>
      </c>
    </row>
    <row r="12" spans="1:28" ht="24" customHeight="1" x14ac:dyDescent="0.15">
      <c r="A12" s="29" t="s">
        <v>8</v>
      </c>
      <c r="B12" s="30">
        <v>141054</v>
      </c>
      <c r="C12" s="31">
        <v>93216</v>
      </c>
      <c r="D12" s="32">
        <v>6952</v>
      </c>
      <c r="E12" s="33">
        <v>100168</v>
      </c>
      <c r="F12" s="32">
        <v>93088</v>
      </c>
      <c r="G12" s="32">
        <v>7601</v>
      </c>
      <c r="H12" s="33">
        <v>100689</v>
      </c>
      <c r="I12" s="34">
        <v>186304</v>
      </c>
      <c r="J12" s="34">
        <v>14553</v>
      </c>
      <c r="K12" s="35">
        <v>200857</v>
      </c>
      <c r="L12" s="32">
        <v>106072</v>
      </c>
      <c r="M12" s="32">
        <v>7898</v>
      </c>
      <c r="N12" s="36">
        <v>2133</v>
      </c>
      <c r="O12" s="37">
        <v>116103</v>
      </c>
    </row>
    <row r="13" spans="1:28" ht="24" customHeight="1" x14ac:dyDescent="0.15">
      <c r="A13" s="29" t="s">
        <v>72</v>
      </c>
      <c r="B13" s="30">
        <v>141062</v>
      </c>
      <c r="C13" s="31">
        <v>96516</v>
      </c>
      <c r="D13" s="32">
        <v>3831</v>
      </c>
      <c r="E13" s="33">
        <v>100347</v>
      </c>
      <c r="F13" s="32">
        <v>98801</v>
      </c>
      <c r="G13" s="32">
        <v>3657</v>
      </c>
      <c r="H13" s="33">
        <v>102458</v>
      </c>
      <c r="I13" s="34">
        <v>195317</v>
      </c>
      <c r="J13" s="34">
        <v>7488</v>
      </c>
      <c r="K13" s="35">
        <v>202805</v>
      </c>
      <c r="L13" s="32">
        <v>101034</v>
      </c>
      <c r="M13" s="32">
        <v>4559</v>
      </c>
      <c r="N13" s="36">
        <v>1078</v>
      </c>
      <c r="O13" s="37">
        <v>106671</v>
      </c>
    </row>
    <row r="14" spans="1:28" ht="24" customHeight="1" x14ac:dyDescent="0.15">
      <c r="A14" s="29" t="s">
        <v>9</v>
      </c>
      <c r="B14" s="30">
        <v>141071</v>
      </c>
      <c r="C14" s="31">
        <v>77665</v>
      </c>
      <c r="D14" s="32">
        <v>3473</v>
      </c>
      <c r="E14" s="33">
        <v>81138</v>
      </c>
      <c r="F14" s="32">
        <v>80064</v>
      </c>
      <c r="G14" s="32">
        <v>3522</v>
      </c>
      <c r="H14" s="33">
        <v>83586</v>
      </c>
      <c r="I14" s="34">
        <v>157729</v>
      </c>
      <c r="J14" s="34">
        <v>6995</v>
      </c>
      <c r="K14" s="35">
        <v>164724</v>
      </c>
      <c r="L14" s="32">
        <v>79943</v>
      </c>
      <c r="M14" s="32">
        <v>3359</v>
      </c>
      <c r="N14" s="36">
        <v>1154</v>
      </c>
      <c r="O14" s="37">
        <v>84456</v>
      </c>
    </row>
    <row r="15" spans="1:28" ht="24" customHeight="1" x14ac:dyDescent="0.15">
      <c r="A15" s="29" t="s">
        <v>10</v>
      </c>
      <c r="B15" s="30">
        <v>141089</v>
      </c>
      <c r="C15" s="31">
        <v>91043</v>
      </c>
      <c r="D15" s="32">
        <v>2174</v>
      </c>
      <c r="E15" s="33">
        <v>93217</v>
      </c>
      <c r="F15" s="32">
        <v>95443</v>
      </c>
      <c r="G15" s="32">
        <v>2311</v>
      </c>
      <c r="H15" s="33">
        <v>97754</v>
      </c>
      <c r="I15" s="34">
        <v>186486</v>
      </c>
      <c r="J15" s="34">
        <v>4485</v>
      </c>
      <c r="K15" s="35">
        <v>190971</v>
      </c>
      <c r="L15" s="32">
        <v>91697</v>
      </c>
      <c r="M15" s="32">
        <v>2537</v>
      </c>
      <c r="N15" s="32">
        <v>840</v>
      </c>
      <c r="O15" s="37">
        <v>95074</v>
      </c>
    </row>
    <row r="16" spans="1:28" ht="24" customHeight="1" x14ac:dyDescent="0.15">
      <c r="A16" s="29" t="s">
        <v>11</v>
      </c>
      <c r="B16" s="30">
        <v>141097</v>
      </c>
      <c r="C16" s="31">
        <v>173882</v>
      </c>
      <c r="D16" s="32">
        <v>4996</v>
      </c>
      <c r="E16" s="33">
        <v>178878</v>
      </c>
      <c r="F16" s="32">
        <v>176676</v>
      </c>
      <c r="G16" s="32">
        <v>4612</v>
      </c>
      <c r="H16" s="33">
        <v>181288</v>
      </c>
      <c r="I16" s="34">
        <v>350558</v>
      </c>
      <c r="J16" s="34">
        <v>9608</v>
      </c>
      <c r="K16" s="35">
        <v>360166</v>
      </c>
      <c r="L16" s="32">
        <v>177074</v>
      </c>
      <c r="M16" s="32">
        <v>5853</v>
      </c>
      <c r="N16" s="32">
        <v>1820</v>
      </c>
      <c r="O16" s="37">
        <v>184747</v>
      </c>
    </row>
    <row r="17" spans="1:15" ht="24" customHeight="1" x14ac:dyDescent="0.15">
      <c r="A17" s="29" t="s">
        <v>12</v>
      </c>
      <c r="B17" s="30">
        <v>141101</v>
      </c>
      <c r="C17" s="31">
        <v>134766</v>
      </c>
      <c r="D17" s="32">
        <v>2926</v>
      </c>
      <c r="E17" s="33">
        <v>137692</v>
      </c>
      <c r="F17" s="32">
        <v>140047</v>
      </c>
      <c r="G17" s="32">
        <v>2819</v>
      </c>
      <c r="H17" s="33">
        <v>142866</v>
      </c>
      <c r="I17" s="34">
        <v>274813</v>
      </c>
      <c r="J17" s="34">
        <v>5745</v>
      </c>
      <c r="K17" s="35">
        <v>280558</v>
      </c>
      <c r="L17" s="32">
        <v>128764</v>
      </c>
      <c r="M17" s="32">
        <v>2997</v>
      </c>
      <c r="N17" s="32">
        <v>1211</v>
      </c>
      <c r="O17" s="37">
        <v>132972</v>
      </c>
    </row>
    <row r="18" spans="1:15" ht="24" customHeight="1" x14ac:dyDescent="0.15">
      <c r="A18" s="29" t="s">
        <v>13</v>
      </c>
      <c r="B18" s="30">
        <v>141119</v>
      </c>
      <c r="C18" s="31">
        <v>100146</v>
      </c>
      <c r="D18" s="32">
        <v>1898</v>
      </c>
      <c r="E18" s="33">
        <v>102044</v>
      </c>
      <c r="F18" s="32">
        <v>106707</v>
      </c>
      <c r="G18" s="32">
        <v>1945</v>
      </c>
      <c r="H18" s="33">
        <v>108652</v>
      </c>
      <c r="I18" s="34">
        <v>206853</v>
      </c>
      <c r="J18" s="34">
        <v>3843</v>
      </c>
      <c r="K18" s="35">
        <v>210696</v>
      </c>
      <c r="L18" s="32">
        <v>101465</v>
      </c>
      <c r="M18" s="32">
        <v>1955</v>
      </c>
      <c r="N18" s="32">
        <v>886</v>
      </c>
      <c r="O18" s="37">
        <v>104306</v>
      </c>
    </row>
    <row r="19" spans="1:15" ht="24" customHeight="1" x14ac:dyDescent="0.15">
      <c r="A19" s="29" t="s">
        <v>14</v>
      </c>
      <c r="B19" s="30">
        <v>141127</v>
      </c>
      <c r="C19" s="31">
        <v>114814</v>
      </c>
      <c r="D19" s="32">
        <v>2620</v>
      </c>
      <c r="E19" s="33">
        <v>117434</v>
      </c>
      <c r="F19" s="32">
        <v>121396</v>
      </c>
      <c r="G19" s="32">
        <v>2348</v>
      </c>
      <c r="H19" s="33">
        <v>123744</v>
      </c>
      <c r="I19" s="34">
        <v>236210</v>
      </c>
      <c r="J19" s="34">
        <v>4968</v>
      </c>
      <c r="K19" s="35">
        <v>241178</v>
      </c>
      <c r="L19" s="32">
        <v>115518</v>
      </c>
      <c r="M19" s="32">
        <v>2922</v>
      </c>
      <c r="N19" s="32">
        <v>922</v>
      </c>
      <c r="O19" s="37">
        <v>119362</v>
      </c>
    </row>
    <row r="20" spans="1:15" ht="24" customHeight="1" x14ac:dyDescent="0.15">
      <c r="A20" s="29" t="s">
        <v>15</v>
      </c>
      <c r="B20" s="30">
        <v>141135</v>
      </c>
      <c r="C20" s="31">
        <v>86200</v>
      </c>
      <c r="D20" s="32">
        <v>2985</v>
      </c>
      <c r="E20" s="33">
        <v>89185</v>
      </c>
      <c r="F20" s="32">
        <v>88870</v>
      </c>
      <c r="G20" s="32">
        <v>3041</v>
      </c>
      <c r="H20" s="33">
        <v>91911</v>
      </c>
      <c r="I20" s="34">
        <v>175070</v>
      </c>
      <c r="J20" s="34">
        <v>6026</v>
      </c>
      <c r="K20" s="35">
        <v>181096</v>
      </c>
      <c r="L20" s="32">
        <v>83089</v>
      </c>
      <c r="M20" s="32">
        <v>2928</v>
      </c>
      <c r="N20" s="32">
        <v>841</v>
      </c>
      <c r="O20" s="37">
        <v>86858</v>
      </c>
    </row>
    <row r="21" spans="1:15" ht="24" customHeight="1" x14ac:dyDescent="0.15">
      <c r="A21" s="29" t="s">
        <v>16</v>
      </c>
      <c r="B21" s="30">
        <v>141143</v>
      </c>
      <c r="C21" s="31">
        <v>57921</v>
      </c>
      <c r="D21" s="32">
        <v>1405</v>
      </c>
      <c r="E21" s="33">
        <v>59326</v>
      </c>
      <c r="F21" s="32">
        <v>60670</v>
      </c>
      <c r="G21" s="32">
        <v>1346</v>
      </c>
      <c r="H21" s="33">
        <v>62016</v>
      </c>
      <c r="I21" s="34">
        <v>118591</v>
      </c>
      <c r="J21" s="34">
        <v>2751</v>
      </c>
      <c r="K21" s="35">
        <v>121342</v>
      </c>
      <c r="L21" s="32">
        <v>57351</v>
      </c>
      <c r="M21" s="32">
        <v>1457</v>
      </c>
      <c r="N21" s="32">
        <v>535</v>
      </c>
      <c r="O21" s="37">
        <v>59343</v>
      </c>
    </row>
    <row r="22" spans="1:15" ht="24" customHeight="1" x14ac:dyDescent="0.15">
      <c r="A22" s="29" t="s">
        <v>17</v>
      </c>
      <c r="B22" s="30">
        <v>141151</v>
      </c>
      <c r="C22" s="31">
        <v>57365</v>
      </c>
      <c r="D22" s="32">
        <v>821</v>
      </c>
      <c r="E22" s="33">
        <v>58186</v>
      </c>
      <c r="F22" s="32">
        <v>60802</v>
      </c>
      <c r="G22" s="32">
        <v>954</v>
      </c>
      <c r="H22" s="33">
        <v>61756</v>
      </c>
      <c r="I22" s="34">
        <v>118167</v>
      </c>
      <c r="J22" s="34">
        <v>1775</v>
      </c>
      <c r="K22" s="35">
        <v>119942</v>
      </c>
      <c r="L22" s="32">
        <v>57130</v>
      </c>
      <c r="M22" s="32">
        <v>791</v>
      </c>
      <c r="N22" s="32">
        <v>488</v>
      </c>
      <c r="O22" s="37">
        <v>58409</v>
      </c>
    </row>
    <row r="23" spans="1:15" ht="24" customHeight="1" x14ac:dyDescent="0.15">
      <c r="A23" s="29" t="s">
        <v>18</v>
      </c>
      <c r="B23" s="30">
        <v>141160</v>
      </c>
      <c r="C23" s="31">
        <v>72165</v>
      </c>
      <c r="D23" s="32">
        <v>1413</v>
      </c>
      <c r="E23" s="33">
        <v>73578</v>
      </c>
      <c r="F23" s="32">
        <v>75652</v>
      </c>
      <c r="G23" s="32">
        <v>1385</v>
      </c>
      <c r="H23" s="33">
        <v>77037</v>
      </c>
      <c r="I23" s="34">
        <v>147817</v>
      </c>
      <c r="J23" s="34">
        <v>2798</v>
      </c>
      <c r="K23" s="35">
        <v>150615</v>
      </c>
      <c r="L23" s="32">
        <v>70237</v>
      </c>
      <c r="M23" s="32">
        <v>1399</v>
      </c>
      <c r="N23" s="32">
        <v>577</v>
      </c>
      <c r="O23" s="37">
        <v>72213</v>
      </c>
    </row>
    <row r="24" spans="1:15" ht="24" customHeight="1" x14ac:dyDescent="0.15">
      <c r="A24" s="29" t="s">
        <v>19</v>
      </c>
      <c r="B24" s="30">
        <v>141178</v>
      </c>
      <c r="C24" s="31">
        <v>144087</v>
      </c>
      <c r="D24" s="32">
        <v>3267</v>
      </c>
      <c r="E24" s="33">
        <v>147354</v>
      </c>
      <c r="F24" s="32">
        <v>155075</v>
      </c>
      <c r="G24" s="32">
        <v>3151</v>
      </c>
      <c r="H24" s="33">
        <v>158226</v>
      </c>
      <c r="I24" s="34">
        <v>299162</v>
      </c>
      <c r="J24" s="34">
        <v>6418</v>
      </c>
      <c r="K24" s="35">
        <v>305580</v>
      </c>
      <c r="L24" s="32">
        <v>136912</v>
      </c>
      <c r="M24" s="32">
        <v>3480</v>
      </c>
      <c r="N24" s="32">
        <v>1394</v>
      </c>
      <c r="O24" s="37">
        <v>141786</v>
      </c>
    </row>
    <row r="25" spans="1:15" ht="24" customHeight="1" x14ac:dyDescent="0.15">
      <c r="A25" s="29" t="s">
        <v>20</v>
      </c>
      <c r="B25" s="30">
        <v>141186</v>
      </c>
      <c r="C25" s="31">
        <v>103175</v>
      </c>
      <c r="D25" s="32">
        <v>2531</v>
      </c>
      <c r="E25" s="33">
        <v>105706</v>
      </c>
      <c r="F25" s="32">
        <v>106078</v>
      </c>
      <c r="G25" s="32">
        <v>2248</v>
      </c>
      <c r="H25" s="33">
        <v>108326</v>
      </c>
      <c r="I25" s="34">
        <v>209253</v>
      </c>
      <c r="J25" s="34">
        <v>4779</v>
      </c>
      <c r="K25" s="35">
        <v>214032</v>
      </c>
      <c r="L25" s="32">
        <v>90632</v>
      </c>
      <c r="M25" s="32">
        <v>2291</v>
      </c>
      <c r="N25" s="32">
        <v>1129</v>
      </c>
      <c r="O25" s="37">
        <v>94052</v>
      </c>
    </row>
    <row r="26" spans="1:15" ht="24" customHeight="1" x14ac:dyDescent="0.15">
      <c r="A26" s="38" t="s">
        <v>21</v>
      </c>
      <c r="B26" s="30">
        <v>141305</v>
      </c>
      <c r="C26" s="39">
        <v>748143</v>
      </c>
      <c r="D26" s="34">
        <v>31442</v>
      </c>
      <c r="E26" s="34">
        <v>779585</v>
      </c>
      <c r="F26" s="34">
        <v>732794</v>
      </c>
      <c r="G26" s="34">
        <v>30155</v>
      </c>
      <c r="H26" s="34">
        <v>762949</v>
      </c>
      <c r="I26" s="34">
        <v>1480937</v>
      </c>
      <c r="J26" s="34">
        <v>61597</v>
      </c>
      <c r="K26" s="35">
        <v>1542534</v>
      </c>
      <c r="L26" s="34">
        <v>766514</v>
      </c>
      <c r="M26" s="34">
        <v>36671</v>
      </c>
      <c r="N26" s="34">
        <v>9359</v>
      </c>
      <c r="O26" s="37">
        <v>812544</v>
      </c>
    </row>
    <row r="27" spans="1:15" ht="24" customHeight="1" x14ac:dyDescent="0.15">
      <c r="A27" s="29" t="s">
        <v>22</v>
      </c>
      <c r="B27" s="30">
        <v>141313</v>
      </c>
      <c r="C27" s="31">
        <v>116227</v>
      </c>
      <c r="D27" s="32">
        <v>11145</v>
      </c>
      <c r="E27" s="33">
        <v>127372</v>
      </c>
      <c r="F27" s="32">
        <v>97203</v>
      </c>
      <c r="G27" s="32">
        <v>10534</v>
      </c>
      <c r="H27" s="33">
        <v>107737</v>
      </c>
      <c r="I27" s="34">
        <v>213430</v>
      </c>
      <c r="J27" s="34">
        <v>21679</v>
      </c>
      <c r="K27" s="35">
        <v>235109</v>
      </c>
      <c r="L27" s="32">
        <v>121396</v>
      </c>
      <c r="M27" s="32">
        <v>12770</v>
      </c>
      <c r="N27" s="32">
        <v>2516</v>
      </c>
      <c r="O27" s="37">
        <v>136682</v>
      </c>
    </row>
    <row r="28" spans="1:15" ht="24" customHeight="1" x14ac:dyDescent="0.15">
      <c r="A28" s="29" t="s">
        <v>23</v>
      </c>
      <c r="B28" s="30">
        <v>141321</v>
      </c>
      <c r="C28" s="31">
        <v>85793</v>
      </c>
      <c r="D28" s="32">
        <v>3859</v>
      </c>
      <c r="E28" s="33">
        <v>89652</v>
      </c>
      <c r="F28" s="32">
        <v>82620</v>
      </c>
      <c r="G28" s="32">
        <v>4005</v>
      </c>
      <c r="H28" s="33">
        <v>86625</v>
      </c>
      <c r="I28" s="34">
        <v>168413</v>
      </c>
      <c r="J28" s="34">
        <v>7864</v>
      </c>
      <c r="K28" s="35">
        <v>176277</v>
      </c>
      <c r="L28" s="32">
        <v>84883</v>
      </c>
      <c r="M28" s="32">
        <v>4069</v>
      </c>
      <c r="N28" s="32">
        <v>1191</v>
      </c>
      <c r="O28" s="37">
        <v>90143</v>
      </c>
    </row>
    <row r="29" spans="1:15" ht="24" customHeight="1" x14ac:dyDescent="0.15">
      <c r="A29" s="29" t="s">
        <v>24</v>
      </c>
      <c r="B29" s="30">
        <v>141330</v>
      </c>
      <c r="C29" s="31">
        <v>129769</v>
      </c>
      <c r="D29" s="32">
        <v>3903</v>
      </c>
      <c r="E29" s="33">
        <v>133672</v>
      </c>
      <c r="F29" s="32">
        <v>127848</v>
      </c>
      <c r="G29" s="32">
        <v>4027</v>
      </c>
      <c r="H29" s="33">
        <v>131875</v>
      </c>
      <c r="I29" s="34">
        <v>257617</v>
      </c>
      <c r="J29" s="34">
        <v>7930</v>
      </c>
      <c r="K29" s="35">
        <v>265547</v>
      </c>
      <c r="L29" s="32">
        <v>137001</v>
      </c>
      <c r="M29" s="32">
        <v>4952</v>
      </c>
      <c r="N29" s="32">
        <v>1353</v>
      </c>
      <c r="O29" s="37">
        <v>143306</v>
      </c>
    </row>
    <row r="30" spans="1:15" ht="24" customHeight="1" x14ac:dyDescent="0.15">
      <c r="A30" s="29" t="s">
        <v>25</v>
      </c>
      <c r="B30" s="30">
        <v>141348</v>
      </c>
      <c r="C30" s="31">
        <v>112616</v>
      </c>
      <c r="D30" s="32">
        <v>3629</v>
      </c>
      <c r="E30" s="33">
        <v>116245</v>
      </c>
      <c r="F30" s="32">
        <v>113079</v>
      </c>
      <c r="G30" s="32">
        <v>3440</v>
      </c>
      <c r="H30" s="33">
        <v>116519</v>
      </c>
      <c r="I30" s="34">
        <v>225695</v>
      </c>
      <c r="J30" s="34">
        <v>7069</v>
      </c>
      <c r="K30" s="35">
        <v>232764</v>
      </c>
      <c r="L30" s="32">
        <v>116236</v>
      </c>
      <c r="M30" s="32">
        <v>4342</v>
      </c>
      <c r="N30" s="32">
        <v>1275</v>
      </c>
      <c r="O30" s="37">
        <v>121853</v>
      </c>
    </row>
    <row r="31" spans="1:15" ht="24" customHeight="1" x14ac:dyDescent="0.15">
      <c r="A31" s="29" t="s">
        <v>26</v>
      </c>
      <c r="B31" s="30">
        <v>141356</v>
      </c>
      <c r="C31" s="31">
        <v>108310</v>
      </c>
      <c r="D31" s="32">
        <v>3712</v>
      </c>
      <c r="E31" s="33">
        <v>112022</v>
      </c>
      <c r="F31" s="32">
        <v>105257</v>
      </c>
      <c r="G31" s="32">
        <v>3336</v>
      </c>
      <c r="H31" s="33">
        <v>108593</v>
      </c>
      <c r="I31" s="34">
        <v>213567</v>
      </c>
      <c r="J31" s="34">
        <v>7048</v>
      </c>
      <c r="K31" s="35">
        <v>220615</v>
      </c>
      <c r="L31" s="32">
        <v>116360</v>
      </c>
      <c r="M31" s="32">
        <v>4691</v>
      </c>
      <c r="N31" s="32">
        <v>1044</v>
      </c>
      <c r="O31" s="37">
        <v>122095</v>
      </c>
    </row>
    <row r="32" spans="1:15" ht="24" customHeight="1" x14ac:dyDescent="0.15">
      <c r="A32" s="29" t="s">
        <v>27</v>
      </c>
      <c r="B32" s="30">
        <v>141364</v>
      </c>
      <c r="C32" s="31">
        <v>111597</v>
      </c>
      <c r="D32" s="32">
        <v>2928</v>
      </c>
      <c r="E32" s="33">
        <v>114525</v>
      </c>
      <c r="F32" s="32">
        <v>117224</v>
      </c>
      <c r="G32" s="32">
        <v>2763</v>
      </c>
      <c r="H32" s="33">
        <v>119987</v>
      </c>
      <c r="I32" s="34">
        <v>228821</v>
      </c>
      <c r="J32" s="34">
        <v>5691</v>
      </c>
      <c r="K32" s="35">
        <v>234512</v>
      </c>
      <c r="L32" s="32">
        <v>107805</v>
      </c>
      <c r="M32" s="32">
        <v>3258</v>
      </c>
      <c r="N32" s="32">
        <v>1202</v>
      </c>
      <c r="O32" s="37">
        <v>112265</v>
      </c>
    </row>
    <row r="33" spans="1:15" ht="24" customHeight="1" x14ac:dyDescent="0.15">
      <c r="A33" s="29" t="s">
        <v>28</v>
      </c>
      <c r="B33" s="30">
        <v>141372</v>
      </c>
      <c r="C33" s="31">
        <v>83831</v>
      </c>
      <c r="D33" s="32">
        <v>2266</v>
      </c>
      <c r="E33" s="33">
        <v>86097</v>
      </c>
      <c r="F33" s="32">
        <v>89563</v>
      </c>
      <c r="G33" s="32">
        <v>2050</v>
      </c>
      <c r="H33" s="33">
        <v>91613</v>
      </c>
      <c r="I33" s="34">
        <v>173394</v>
      </c>
      <c r="J33" s="34">
        <v>4316</v>
      </c>
      <c r="K33" s="35">
        <v>177710</v>
      </c>
      <c r="L33" s="32">
        <v>82833</v>
      </c>
      <c r="M33" s="32">
        <v>2589</v>
      </c>
      <c r="N33" s="32">
        <v>778</v>
      </c>
      <c r="O33" s="37">
        <v>86200</v>
      </c>
    </row>
    <row r="34" spans="1:15" ht="24" customHeight="1" x14ac:dyDescent="0.15">
      <c r="A34" s="38" t="s">
        <v>29</v>
      </c>
      <c r="B34" s="30">
        <v>141500</v>
      </c>
      <c r="C34" s="39">
        <v>346287</v>
      </c>
      <c r="D34" s="34">
        <v>11199</v>
      </c>
      <c r="E34" s="34">
        <v>357486</v>
      </c>
      <c r="F34" s="34">
        <v>346011</v>
      </c>
      <c r="G34" s="34">
        <v>10939</v>
      </c>
      <c r="H34" s="34">
        <v>356950</v>
      </c>
      <c r="I34" s="34">
        <v>692298</v>
      </c>
      <c r="J34" s="34">
        <v>22138</v>
      </c>
      <c r="K34" s="35">
        <v>714436</v>
      </c>
      <c r="L34" s="34">
        <v>345017</v>
      </c>
      <c r="M34" s="34">
        <v>13490</v>
      </c>
      <c r="N34" s="34">
        <v>3445</v>
      </c>
      <c r="O34" s="37">
        <v>361952</v>
      </c>
    </row>
    <row r="35" spans="1:15" ht="24" customHeight="1" x14ac:dyDescent="0.15">
      <c r="A35" s="29" t="s">
        <v>15</v>
      </c>
      <c r="B35" s="30">
        <v>141518</v>
      </c>
      <c r="C35" s="31">
        <v>80720</v>
      </c>
      <c r="D35" s="32">
        <v>2319</v>
      </c>
      <c r="E35" s="33">
        <v>83039</v>
      </c>
      <c r="F35" s="32">
        <v>79876</v>
      </c>
      <c r="G35" s="32">
        <v>2268</v>
      </c>
      <c r="H35" s="33">
        <v>82144</v>
      </c>
      <c r="I35" s="34">
        <v>160596</v>
      </c>
      <c r="J35" s="34">
        <v>4587</v>
      </c>
      <c r="K35" s="35">
        <v>165183</v>
      </c>
      <c r="L35" s="32">
        <v>78047</v>
      </c>
      <c r="M35" s="32">
        <v>2932</v>
      </c>
      <c r="N35" s="32">
        <v>722</v>
      </c>
      <c r="O35" s="37">
        <v>81701</v>
      </c>
    </row>
    <row r="36" spans="1:15" ht="24" customHeight="1" x14ac:dyDescent="0.15">
      <c r="A36" s="29" t="s">
        <v>30</v>
      </c>
      <c r="B36" s="30">
        <v>141526</v>
      </c>
      <c r="C36" s="31">
        <v>131887</v>
      </c>
      <c r="D36" s="32">
        <v>4363</v>
      </c>
      <c r="E36" s="33">
        <v>136250</v>
      </c>
      <c r="F36" s="32">
        <v>129938</v>
      </c>
      <c r="G36" s="32">
        <v>4384</v>
      </c>
      <c r="H36" s="33">
        <v>134322</v>
      </c>
      <c r="I36" s="34">
        <v>261825</v>
      </c>
      <c r="J36" s="34">
        <v>8747</v>
      </c>
      <c r="K36" s="35">
        <v>270572</v>
      </c>
      <c r="L36" s="32">
        <v>130297</v>
      </c>
      <c r="M36" s="32">
        <v>5229</v>
      </c>
      <c r="N36" s="32">
        <v>1367</v>
      </c>
      <c r="O36" s="37">
        <v>136893</v>
      </c>
    </row>
    <row r="37" spans="1:15" ht="24" customHeight="1" x14ac:dyDescent="0.15">
      <c r="A37" s="29" t="s">
        <v>8</v>
      </c>
      <c r="B37" s="30">
        <v>141534</v>
      </c>
      <c r="C37" s="31">
        <v>133680</v>
      </c>
      <c r="D37" s="32">
        <v>4517</v>
      </c>
      <c r="E37" s="33">
        <v>138197</v>
      </c>
      <c r="F37" s="32">
        <v>136197</v>
      </c>
      <c r="G37" s="32">
        <v>4287</v>
      </c>
      <c r="H37" s="33">
        <v>140484</v>
      </c>
      <c r="I37" s="34">
        <v>269877</v>
      </c>
      <c r="J37" s="34">
        <v>8804</v>
      </c>
      <c r="K37" s="35">
        <v>278681</v>
      </c>
      <c r="L37" s="32">
        <v>136673</v>
      </c>
      <c r="M37" s="32">
        <v>5329</v>
      </c>
      <c r="N37" s="32">
        <v>1356</v>
      </c>
      <c r="O37" s="37">
        <v>143358</v>
      </c>
    </row>
    <row r="38" spans="1:15" ht="24" customHeight="1" x14ac:dyDescent="0.15">
      <c r="A38" s="38" t="s">
        <v>31</v>
      </c>
      <c r="B38" s="30">
        <v>142018</v>
      </c>
      <c r="C38" s="31">
        <v>182222</v>
      </c>
      <c r="D38" s="32">
        <v>4097</v>
      </c>
      <c r="E38" s="33">
        <v>186319</v>
      </c>
      <c r="F38" s="32">
        <v>184521</v>
      </c>
      <c r="G38" s="32">
        <v>4011</v>
      </c>
      <c r="H38" s="33">
        <v>188532</v>
      </c>
      <c r="I38" s="34">
        <v>366743</v>
      </c>
      <c r="J38" s="34">
        <v>8108</v>
      </c>
      <c r="K38" s="35">
        <v>374851</v>
      </c>
      <c r="L38" s="32">
        <v>185590</v>
      </c>
      <c r="M38" s="32">
        <v>4677</v>
      </c>
      <c r="N38" s="32">
        <v>1937</v>
      </c>
      <c r="O38" s="37">
        <v>192204</v>
      </c>
    </row>
    <row r="39" spans="1:15" ht="24" customHeight="1" x14ac:dyDescent="0.15">
      <c r="A39" s="38" t="s">
        <v>32</v>
      </c>
      <c r="B39" s="30">
        <v>142034</v>
      </c>
      <c r="C39" s="31">
        <v>124416</v>
      </c>
      <c r="D39" s="32">
        <v>3274</v>
      </c>
      <c r="E39" s="33">
        <v>127690</v>
      </c>
      <c r="F39" s="32">
        <v>124756</v>
      </c>
      <c r="G39" s="32">
        <v>3521</v>
      </c>
      <c r="H39" s="33">
        <v>128277</v>
      </c>
      <c r="I39" s="34">
        <v>249172</v>
      </c>
      <c r="J39" s="34">
        <v>6795</v>
      </c>
      <c r="K39" s="35">
        <v>255967</v>
      </c>
      <c r="L39" s="32">
        <v>121108</v>
      </c>
      <c r="M39" s="32">
        <v>3703</v>
      </c>
      <c r="N39" s="32">
        <v>1308</v>
      </c>
      <c r="O39" s="40">
        <v>126119</v>
      </c>
    </row>
    <row r="40" spans="1:15" ht="24" customHeight="1" x14ac:dyDescent="0.15">
      <c r="A40" s="38" t="s">
        <v>33</v>
      </c>
      <c r="B40" s="30">
        <v>142042</v>
      </c>
      <c r="C40" s="41">
        <v>81000</v>
      </c>
      <c r="D40" s="36">
        <v>1138</v>
      </c>
      <c r="E40" s="34">
        <v>82138</v>
      </c>
      <c r="F40" s="32">
        <v>90439</v>
      </c>
      <c r="G40" s="32">
        <v>1025</v>
      </c>
      <c r="H40" s="34">
        <v>91464</v>
      </c>
      <c r="I40" s="34">
        <v>171439</v>
      </c>
      <c r="J40" s="34">
        <v>2163</v>
      </c>
      <c r="K40" s="34">
        <v>173602</v>
      </c>
      <c r="L40" s="32">
        <v>83529</v>
      </c>
      <c r="M40" s="32">
        <v>951</v>
      </c>
      <c r="N40" s="32">
        <v>898</v>
      </c>
      <c r="O40" s="37">
        <v>85378</v>
      </c>
    </row>
    <row r="41" spans="1:15" ht="24" customHeight="1" x14ac:dyDescent="0.15">
      <c r="A41" s="38" t="s">
        <v>34</v>
      </c>
      <c r="B41" s="30">
        <v>142051</v>
      </c>
      <c r="C41" s="42">
        <v>214605</v>
      </c>
      <c r="D41" s="43">
        <v>5203</v>
      </c>
      <c r="E41" s="44">
        <v>219808</v>
      </c>
      <c r="F41" s="43">
        <v>220761</v>
      </c>
      <c r="G41" s="43">
        <v>4058</v>
      </c>
      <c r="H41" s="44">
        <v>224819</v>
      </c>
      <c r="I41" s="45">
        <v>435366</v>
      </c>
      <c r="J41" s="45">
        <v>9262</v>
      </c>
      <c r="K41" s="45">
        <v>444628</v>
      </c>
      <c r="L41" s="43">
        <v>208764</v>
      </c>
      <c r="M41" s="43">
        <v>5210</v>
      </c>
      <c r="N41" s="46">
        <v>1839</v>
      </c>
      <c r="O41" s="47">
        <v>215813</v>
      </c>
    </row>
    <row r="42" spans="1:15" ht="24" customHeight="1" x14ac:dyDescent="0.15">
      <c r="A42" s="38" t="s">
        <v>35</v>
      </c>
      <c r="B42" s="30">
        <v>142069</v>
      </c>
      <c r="C42" s="31">
        <v>88474</v>
      </c>
      <c r="D42" s="32">
        <v>1842</v>
      </c>
      <c r="E42" s="33">
        <v>90316</v>
      </c>
      <c r="F42" s="32">
        <v>92915</v>
      </c>
      <c r="G42" s="32">
        <v>2193</v>
      </c>
      <c r="H42" s="33">
        <v>95108</v>
      </c>
      <c r="I42" s="34">
        <v>181389</v>
      </c>
      <c r="J42" s="34">
        <v>4035</v>
      </c>
      <c r="K42" s="35">
        <v>185424</v>
      </c>
      <c r="L42" s="32">
        <v>89693</v>
      </c>
      <c r="M42" s="32">
        <v>2472</v>
      </c>
      <c r="N42" s="36">
        <v>756</v>
      </c>
      <c r="O42" s="37">
        <v>92921</v>
      </c>
    </row>
    <row r="43" spans="1:15" ht="24" customHeight="1" x14ac:dyDescent="0.15">
      <c r="A43" s="38" t="s">
        <v>36</v>
      </c>
      <c r="B43" s="30">
        <v>142077</v>
      </c>
      <c r="C43" s="31">
        <v>118853</v>
      </c>
      <c r="D43" s="32">
        <v>1474</v>
      </c>
      <c r="E43" s="33">
        <v>120327</v>
      </c>
      <c r="F43" s="32">
        <v>125518</v>
      </c>
      <c r="G43" s="32">
        <v>1369</v>
      </c>
      <c r="H43" s="33">
        <v>126887</v>
      </c>
      <c r="I43" s="34">
        <v>244371</v>
      </c>
      <c r="J43" s="34">
        <v>2843</v>
      </c>
      <c r="K43" s="35">
        <v>247214</v>
      </c>
      <c r="L43" s="32">
        <v>113931</v>
      </c>
      <c r="M43" s="32">
        <v>1379</v>
      </c>
      <c r="N43" s="36">
        <v>984</v>
      </c>
      <c r="O43" s="37">
        <v>116294</v>
      </c>
    </row>
    <row r="44" spans="1:15" ht="24" customHeight="1" x14ac:dyDescent="0.15">
      <c r="A44" s="38" t="s">
        <v>37</v>
      </c>
      <c r="B44" s="30">
        <v>142085</v>
      </c>
      <c r="C44" s="31">
        <v>26522</v>
      </c>
      <c r="D44" s="32">
        <v>386</v>
      </c>
      <c r="E44" s="33">
        <v>26908</v>
      </c>
      <c r="F44" s="32">
        <v>30117</v>
      </c>
      <c r="G44" s="32">
        <v>301</v>
      </c>
      <c r="H44" s="33">
        <v>30418</v>
      </c>
      <c r="I44" s="34">
        <v>56639</v>
      </c>
      <c r="J44" s="34">
        <v>687</v>
      </c>
      <c r="K44" s="35">
        <v>57326</v>
      </c>
      <c r="L44" s="32">
        <v>27221</v>
      </c>
      <c r="M44" s="32">
        <v>255</v>
      </c>
      <c r="N44" s="36">
        <v>332</v>
      </c>
      <c r="O44" s="37">
        <v>27808</v>
      </c>
    </row>
    <row r="45" spans="1:15" ht="24" customHeight="1" x14ac:dyDescent="0.15">
      <c r="A45" s="38" t="s">
        <v>38</v>
      </c>
      <c r="B45" s="30">
        <v>142107</v>
      </c>
      <c r="C45" s="31">
        <v>18709</v>
      </c>
      <c r="D45" s="32">
        <v>379</v>
      </c>
      <c r="E45" s="33">
        <v>19088</v>
      </c>
      <c r="F45" s="32">
        <v>19943</v>
      </c>
      <c r="G45" s="32">
        <v>280</v>
      </c>
      <c r="H45" s="33">
        <v>20223</v>
      </c>
      <c r="I45" s="34">
        <v>38652</v>
      </c>
      <c r="J45" s="34">
        <v>659</v>
      </c>
      <c r="K45" s="35">
        <v>39311</v>
      </c>
      <c r="L45" s="32">
        <v>19353</v>
      </c>
      <c r="M45" s="32">
        <v>510</v>
      </c>
      <c r="N45" s="36">
        <v>121</v>
      </c>
      <c r="O45" s="37">
        <v>19984</v>
      </c>
    </row>
    <row r="46" spans="1:15" ht="24" customHeight="1" x14ac:dyDescent="0.15">
      <c r="A46" s="38" t="s">
        <v>39</v>
      </c>
      <c r="B46" s="30">
        <v>142115</v>
      </c>
      <c r="C46" s="31">
        <v>76376</v>
      </c>
      <c r="D46" s="32">
        <v>2856</v>
      </c>
      <c r="E46" s="33">
        <v>79232</v>
      </c>
      <c r="F46" s="32">
        <v>76319</v>
      </c>
      <c r="G46" s="32">
        <v>2233</v>
      </c>
      <c r="H46" s="33">
        <v>78552</v>
      </c>
      <c r="I46" s="34">
        <v>152695</v>
      </c>
      <c r="J46" s="34">
        <v>5089</v>
      </c>
      <c r="K46" s="35">
        <v>157784</v>
      </c>
      <c r="L46" s="32">
        <v>73669</v>
      </c>
      <c r="M46" s="32">
        <v>3203</v>
      </c>
      <c r="N46" s="36">
        <v>610</v>
      </c>
      <c r="O46" s="37">
        <v>77482</v>
      </c>
    </row>
    <row r="47" spans="1:15" ht="24" customHeight="1" x14ac:dyDescent="0.15">
      <c r="A47" s="38" t="s">
        <v>40</v>
      </c>
      <c r="B47" s="30">
        <v>142123</v>
      </c>
      <c r="C47" s="31">
        <v>108809</v>
      </c>
      <c r="D47" s="32">
        <v>6043</v>
      </c>
      <c r="E47" s="33">
        <v>114852</v>
      </c>
      <c r="F47" s="32">
        <v>102675</v>
      </c>
      <c r="G47" s="32">
        <v>4877</v>
      </c>
      <c r="H47" s="33">
        <v>107552</v>
      </c>
      <c r="I47" s="34">
        <v>211484</v>
      </c>
      <c r="J47" s="34">
        <v>10920</v>
      </c>
      <c r="K47" s="35">
        <v>222404</v>
      </c>
      <c r="L47" s="32">
        <v>104988</v>
      </c>
      <c r="M47" s="32">
        <v>6263</v>
      </c>
      <c r="N47" s="36">
        <v>1275</v>
      </c>
      <c r="O47" s="37">
        <v>112526</v>
      </c>
    </row>
    <row r="48" spans="1:15" ht="24" customHeight="1" x14ac:dyDescent="0.15">
      <c r="A48" s="38" t="s">
        <v>41</v>
      </c>
      <c r="B48" s="30">
        <v>142131</v>
      </c>
      <c r="C48" s="31">
        <v>118091</v>
      </c>
      <c r="D48" s="32">
        <v>4650</v>
      </c>
      <c r="E48" s="33">
        <v>122741</v>
      </c>
      <c r="F48" s="32">
        <v>119072</v>
      </c>
      <c r="G48" s="32">
        <v>4687</v>
      </c>
      <c r="H48" s="33">
        <v>123759</v>
      </c>
      <c r="I48" s="34">
        <v>237163</v>
      </c>
      <c r="J48" s="34">
        <v>9337</v>
      </c>
      <c r="K48" s="35">
        <v>246500</v>
      </c>
      <c r="L48" s="32">
        <v>117473</v>
      </c>
      <c r="M48" s="32">
        <v>5260</v>
      </c>
      <c r="N48" s="36">
        <v>1542</v>
      </c>
      <c r="O48" s="37">
        <v>124275</v>
      </c>
    </row>
    <row r="49" spans="1:15" ht="24" customHeight="1" x14ac:dyDescent="0.15">
      <c r="A49" s="38" t="s">
        <v>42</v>
      </c>
      <c r="B49" s="30">
        <v>142140</v>
      </c>
      <c r="C49" s="31">
        <v>48324</v>
      </c>
      <c r="D49" s="32">
        <v>1928</v>
      </c>
      <c r="E49" s="33">
        <v>50252</v>
      </c>
      <c r="F49" s="32">
        <v>47153</v>
      </c>
      <c r="G49" s="32">
        <v>1647</v>
      </c>
      <c r="H49" s="33">
        <v>48800</v>
      </c>
      <c r="I49" s="34">
        <v>95477</v>
      </c>
      <c r="J49" s="34">
        <v>3575</v>
      </c>
      <c r="K49" s="35">
        <v>99052</v>
      </c>
      <c r="L49" s="32">
        <v>46062</v>
      </c>
      <c r="M49" s="32">
        <v>2161</v>
      </c>
      <c r="N49" s="36">
        <v>391</v>
      </c>
      <c r="O49" s="37">
        <v>48614</v>
      </c>
    </row>
    <row r="50" spans="1:15" ht="24" customHeight="1" x14ac:dyDescent="0.15">
      <c r="A50" s="38" t="s">
        <v>43</v>
      </c>
      <c r="B50" s="30">
        <v>142158</v>
      </c>
      <c r="C50" s="48">
        <v>68642</v>
      </c>
      <c r="D50" s="49">
        <v>2198</v>
      </c>
      <c r="E50" s="33">
        <v>70840</v>
      </c>
      <c r="F50" s="49">
        <v>68267</v>
      </c>
      <c r="G50" s="49">
        <v>1866</v>
      </c>
      <c r="H50" s="33">
        <v>70133</v>
      </c>
      <c r="I50" s="34">
        <v>136909</v>
      </c>
      <c r="J50" s="34">
        <v>4064</v>
      </c>
      <c r="K50" s="35">
        <v>140973</v>
      </c>
      <c r="L50" s="49">
        <v>64224</v>
      </c>
      <c r="M50" s="49">
        <v>2171</v>
      </c>
      <c r="N50" s="50">
        <v>649</v>
      </c>
      <c r="O50" s="37">
        <v>67044</v>
      </c>
    </row>
    <row r="51" spans="1:15" ht="24" customHeight="1" x14ac:dyDescent="0.15">
      <c r="A51" s="38" t="s">
        <v>44</v>
      </c>
      <c r="B51" s="30">
        <v>142166</v>
      </c>
      <c r="C51" s="31">
        <v>63314</v>
      </c>
      <c r="D51" s="32">
        <v>2390</v>
      </c>
      <c r="E51" s="33">
        <v>65704</v>
      </c>
      <c r="F51" s="32">
        <v>63473</v>
      </c>
      <c r="G51" s="32">
        <v>2115</v>
      </c>
      <c r="H51" s="33">
        <v>65588</v>
      </c>
      <c r="I51" s="34">
        <v>126787</v>
      </c>
      <c r="J51" s="34">
        <v>4505</v>
      </c>
      <c r="K51" s="35">
        <v>131292</v>
      </c>
      <c r="L51" s="32">
        <v>62709</v>
      </c>
      <c r="M51" s="32">
        <v>2313</v>
      </c>
      <c r="N51" s="36">
        <v>856</v>
      </c>
      <c r="O51" s="37">
        <v>65878</v>
      </c>
    </row>
    <row r="52" spans="1:15" ht="24" customHeight="1" x14ac:dyDescent="0.15">
      <c r="A52" s="38" t="s">
        <v>45</v>
      </c>
      <c r="B52" s="30">
        <v>142174</v>
      </c>
      <c r="C52" s="31">
        <v>19138</v>
      </c>
      <c r="D52" s="32">
        <v>326</v>
      </c>
      <c r="E52" s="33">
        <v>19464</v>
      </c>
      <c r="F52" s="32">
        <v>19748</v>
      </c>
      <c r="G52" s="32">
        <v>425</v>
      </c>
      <c r="H52" s="33">
        <v>20173</v>
      </c>
      <c r="I52" s="34">
        <v>38886</v>
      </c>
      <c r="J52" s="34">
        <v>751</v>
      </c>
      <c r="K52" s="35">
        <v>39637</v>
      </c>
      <c r="L52" s="32">
        <v>18018</v>
      </c>
      <c r="M52" s="32">
        <v>457</v>
      </c>
      <c r="N52" s="36">
        <v>137</v>
      </c>
      <c r="O52" s="37">
        <v>18612</v>
      </c>
    </row>
    <row r="53" spans="1:15" ht="24" customHeight="1" x14ac:dyDescent="0.15">
      <c r="A53" s="38" t="s">
        <v>46</v>
      </c>
      <c r="B53" s="30">
        <v>142182</v>
      </c>
      <c r="C53" s="31">
        <v>39573</v>
      </c>
      <c r="D53" s="32">
        <v>3341</v>
      </c>
      <c r="E53" s="33">
        <v>42914</v>
      </c>
      <c r="F53" s="32">
        <v>38734</v>
      </c>
      <c r="G53" s="32">
        <v>2223</v>
      </c>
      <c r="H53" s="33">
        <v>40957</v>
      </c>
      <c r="I53" s="34">
        <v>78307</v>
      </c>
      <c r="J53" s="34">
        <v>5564</v>
      </c>
      <c r="K53" s="35">
        <v>83871</v>
      </c>
      <c r="L53" s="32">
        <v>36329</v>
      </c>
      <c r="M53" s="32">
        <v>3124</v>
      </c>
      <c r="N53" s="36">
        <v>539</v>
      </c>
      <c r="O53" s="37">
        <v>39992</v>
      </c>
    </row>
    <row r="54" spans="1:15" ht="24" customHeight="1" x14ac:dyDescent="0.15">
      <c r="A54" s="38" t="s">
        <v>47</v>
      </c>
      <c r="B54" s="30">
        <v>143014</v>
      </c>
      <c r="C54" s="31">
        <v>14608</v>
      </c>
      <c r="D54" s="32">
        <v>213</v>
      </c>
      <c r="E54" s="33">
        <v>14821</v>
      </c>
      <c r="F54" s="32">
        <v>16517</v>
      </c>
      <c r="G54" s="32">
        <v>120</v>
      </c>
      <c r="H54" s="33">
        <v>16637</v>
      </c>
      <c r="I54" s="34">
        <v>31125</v>
      </c>
      <c r="J54" s="34">
        <v>333</v>
      </c>
      <c r="K54" s="35">
        <v>31458</v>
      </c>
      <c r="L54" s="32">
        <v>14280</v>
      </c>
      <c r="M54" s="32">
        <v>126</v>
      </c>
      <c r="N54" s="36">
        <v>168</v>
      </c>
      <c r="O54" s="37">
        <v>14574</v>
      </c>
    </row>
    <row r="55" spans="1:15" ht="24" customHeight="1" x14ac:dyDescent="0.15">
      <c r="A55" s="38" t="s">
        <v>48</v>
      </c>
      <c r="B55" s="30">
        <v>143219</v>
      </c>
      <c r="C55" s="31">
        <v>23903</v>
      </c>
      <c r="D55" s="32">
        <v>844</v>
      </c>
      <c r="E55" s="33">
        <v>24747</v>
      </c>
      <c r="F55" s="32">
        <v>23414</v>
      </c>
      <c r="G55" s="32">
        <v>541</v>
      </c>
      <c r="H55" s="33">
        <v>23955</v>
      </c>
      <c r="I55" s="34">
        <v>47317</v>
      </c>
      <c r="J55" s="34">
        <v>1385</v>
      </c>
      <c r="K55" s="35">
        <v>48702</v>
      </c>
      <c r="L55" s="32">
        <v>21737</v>
      </c>
      <c r="M55" s="32">
        <v>834</v>
      </c>
      <c r="N55" s="36">
        <v>190</v>
      </c>
      <c r="O55" s="37">
        <v>22761</v>
      </c>
    </row>
    <row r="56" spans="1:15" ht="24" customHeight="1" x14ac:dyDescent="0.15">
      <c r="A56" s="38" t="s">
        <v>49</v>
      </c>
      <c r="B56" s="30">
        <v>143413</v>
      </c>
      <c r="C56" s="31">
        <v>15182</v>
      </c>
      <c r="D56" s="32">
        <v>163</v>
      </c>
      <c r="E56" s="33">
        <v>15345</v>
      </c>
      <c r="F56" s="32">
        <v>15987</v>
      </c>
      <c r="G56" s="32">
        <v>129</v>
      </c>
      <c r="H56" s="33">
        <v>16116</v>
      </c>
      <c r="I56" s="34">
        <v>31169</v>
      </c>
      <c r="J56" s="34">
        <v>292</v>
      </c>
      <c r="K56" s="35">
        <v>31461</v>
      </c>
      <c r="L56" s="32">
        <v>14552</v>
      </c>
      <c r="M56" s="32">
        <v>141</v>
      </c>
      <c r="N56" s="36">
        <v>125</v>
      </c>
      <c r="O56" s="37">
        <v>14818</v>
      </c>
    </row>
    <row r="57" spans="1:15" ht="24" customHeight="1" x14ac:dyDescent="0.15">
      <c r="A57" s="38" t="s">
        <v>50</v>
      </c>
      <c r="B57" s="30">
        <v>143421</v>
      </c>
      <c r="C57" s="31">
        <v>12941</v>
      </c>
      <c r="D57" s="32">
        <v>217</v>
      </c>
      <c r="E57" s="33">
        <v>13158</v>
      </c>
      <c r="F57" s="32">
        <v>13851</v>
      </c>
      <c r="G57" s="32">
        <v>163</v>
      </c>
      <c r="H57" s="33">
        <v>14014</v>
      </c>
      <c r="I57" s="34">
        <v>26792</v>
      </c>
      <c r="J57" s="34">
        <v>380</v>
      </c>
      <c r="K57" s="35">
        <v>27172</v>
      </c>
      <c r="L57" s="32">
        <v>12703</v>
      </c>
      <c r="M57" s="32">
        <v>239</v>
      </c>
      <c r="N57" s="36">
        <v>64</v>
      </c>
      <c r="O57" s="37">
        <v>13006</v>
      </c>
    </row>
    <row r="58" spans="1:15" ht="24" customHeight="1" x14ac:dyDescent="0.15">
      <c r="A58" s="38" t="s">
        <v>51</v>
      </c>
      <c r="B58" s="30">
        <v>143618</v>
      </c>
      <c r="C58" s="31">
        <v>4181</v>
      </c>
      <c r="D58" s="32">
        <v>261</v>
      </c>
      <c r="E58" s="33">
        <v>4442</v>
      </c>
      <c r="F58" s="32">
        <v>4152</v>
      </c>
      <c r="G58" s="32">
        <v>209</v>
      </c>
      <c r="H58" s="33">
        <v>4361</v>
      </c>
      <c r="I58" s="34">
        <v>8333</v>
      </c>
      <c r="J58" s="34">
        <v>470</v>
      </c>
      <c r="K58" s="35">
        <v>8803</v>
      </c>
      <c r="L58" s="32">
        <v>3663</v>
      </c>
      <c r="M58" s="32">
        <v>259</v>
      </c>
      <c r="N58" s="36">
        <v>32</v>
      </c>
      <c r="O58" s="37">
        <v>3954</v>
      </c>
    </row>
    <row r="59" spans="1:15" ht="24" customHeight="1" x14ac:dyDescent="0.15">
      <c r="A59" s="38" t="s">
        <v>52</v>
      </c>
      <c r="B59" s="30">
        <v>143626</v>
      </c>
      <c r="C59" s="31">
        <v>8388</v>
      </c>
      <c r="D59" s="32">
        <v>107</v>
      </c>
      <c r="E59" s="33">
        <v>8495</v>
      </c>
      <c r="F59" s="32">
        <v>8644</v>
      </c>
      <c r="G59" s="32">
        <v>124</v>
      </c>
      <c r="H59" s="33">
        <v>8768</v>
      </c>
      <c r="I59" s="34">
        <v>17032</v>
      </c>
      <c r="J59" s="34">
        <v>231</v>
      </c>
      <c r="K59" s="35">
        <v>17263</v>
      </c>
      <c r="L59" s="32">
        <v>7516</v>
      </c>
      <c r="M59" s="32">
        <v>138</v>
      </c>
      <c r="N59" s="36">
        <v>49</v>
      </c>
      <c r="O59" s="37">
        <v>7703</v>
      </c>
    </row>
    <row r="60" spans="1:15" ht="24" customHeight="1" x14ac:dyDescent="0.15">
      <c r="A60" s="38" t="s">
        <v>53</v>
      </c>
      <c r="B60" s="30">
        <v>143634</v>
      </c>
      <c r="C60" s="31">
        <v>5040</v>
      </c>
      <c r="D60" s="32">
        <v>77</v>
      </c>
      <c r="E60" s="33">
        <v>5117</v>
      </c>
      <c r="F60" s="32">
        <v>5146</v>
      </c>
      <c r="G60" s="32">
        <v>129</v>
      </c>
      <c r="H60" s="33">
        <v>5275</v>
      </c>
      <c r="I60" s="34">
        <v>10186</v>
      </c>
      <c r="J60" s="34">
        <v>206</v>
      </c>
      <c r="K60" s="35">
        <v>10392</v>
      </c>
      <c r="L60" s="32">
        <v>4788</v>
      </c>
      <c r="M60" s="32">
        <v>136</v>
      </c>
      <c r="N60" s="36">
        <v>50</v>
      </c>
      <c r="O60" s="37">
        <v>4974</v>
      </c>
    </row>
    <row r="61" spans="1:15" ht="24" customHeight="1" x14ac:dyDescent="0.15">
      <c r="A61" s="38" t="s">
        <v>54</v>
      </c>
      <c r="B61" s="30">
        <v>143642</v>
      </c>
      <c r="C61" s="31">
        <v>4403</v>
      </c>
      <c r="D61" s="32">
        <v>78</v>
      </c>
      <c r="E61" s="33">
        <v>4481</v>
      </c>
      <c r="F61" s="32">
        <v>4551</v>
      </c>
      <c r="G61" s="32">
        <v>73</v>
      </c>
      <c r="H61" s="33">
        <v>4624</v>
      </c>
      <c r="I61" s="34">
        <v>8954</v>
      </c>
      <c r="J61" s="34">
        <v>151</v>
      </c>
      <c r="K61" s="35">
        <v>9105</v>
      </c>
      <c r="L61" s="32">
        <v>4107</v>
      </c>
      <c r="M61" s="32">
        <v>112</v>
      </c>
      <c r="N61" s="36">
        <v>24</v>
      </c>
      <c r="O61" s="37">
        <v>4243</v>
      </c>
    </row>
    <row r="62" spans="1:15" ht="24" customHeight="1" x14ac:dyDescent="0.15">
      <c r="A62" s="38" t="s">
        <v>55</v>
      </c>
      <c r="B62" s="30">
        <v>143669</v>
      </c>
      <c r="C62" s="31">
        <v>8893</v>
      </c>
      <c r="D62" s="32">
        <v>111</v>
      </c>
      <c r="E62" s="33">
        <v>9004</v>
      </c>
      <c r="F62" s="32">
        <v>9401</v>
      </c>
      <c r="G62" s="32">
        <v>134</v>
      </c>
      <c r="H62" s="33">
        <v>9535</v>
      </c>
      <c r="I62" s="34">
        <v>18294</v>
      </c>
      <c r="J62" s="34">
        <v>245</v>
      </c>
      <c r="K62" s="35">
        <v>18539</v>
      </c>
      <c r="L62" s="32">
        <v>7738</v>
      </c>
      <c r="M62" s="32">
        <v>136</v>
      </c>
      <c r="N62" s="36">
        <v>55</v>
      </c>
      <c r="O62" s="37">
        <v>7929</v>
      </c>
    </row>
    <row r="63" spans="1:15" ht="24" customHeight="1" x14ac:dyDescent="0.15">
      <c r="A63" s="38" t="s">
        <v>56</v>
      </c>
      <c r="B63" s="30">
        <v>143821</v>
      </c>
      <c r="C63" s="31">
        <v>4549</v>
      </c>
      <c r="D63" s="32">
        <v>614</v>
      </c>
      <c r="E63" s="33">
        <v>5163</v>
      </c>
      <c r="F63" s="32">
        <v>4783</v>
      </c>
      <c r="G63" s="32">
        <v>773</v>
      </c>
      <c r="H63" s="33">
        <v>5556</v>
      </c>
      <c r="I63" s="34">
        <v>9332</v>
      </c>
      <c r="J63" s="34">
        <v>1387</v>
      </c>
      <c r="K63" s="35">
        <v>10719</v>
      </c>
      <c r="L63" s="32">
        <v>5812</v>
      </c>
      <c r="M63" s="32">
        <v>1143</v>
      </c>
      <c r="N63" s="36">
        <v>46</v>
      </c>
      <c r="O63" s="37">
        <v>7001</v>
      </c>
    </row>
    <row r="64" spans="1:15" ht="24" customHeight="1" x14ac:dyDescent="0.15">
      <c r="A64" s="38" t="s">
        <v>57</v>
      </c>
      <c r="B64" s="30">
        <v>143839</v>
      </c>
      <c r="C64" s="31">
        <v>2937</v>
      </c>
      <c r="D64" s="32">
        <v>44</v>
      </c>
      <c r="E64" s="33">
        <v>2981</v>
      </c>
      <c r="F64" s="32">
        <v>3349</v>
      </c>
      <c r="G64" s="32">
        <v>43</v>
      </c>
      <c r="H64" s="33">
        <v>3392</v>
      </c>
      <c r="I64" s="34">
        <v>6286</v>
      </c>
      <c r="J64" s="34">
        <v>87</v>
      </c>
      <c r="K64" s="35">
        <v>6373</v>
      </c>
      <c r="L64" s="32">
        <v>3264</v>
      </c>
      <c r="M64" s="32">
        <v>38</v>
      </c>
      <c r="N64" s="36">
        <v>28</v>
      </c>
      <c r="O64" s="37">
        <v>3330</v>
      </c>
    </row>
    <row r="65" spans="1:15" ht="24" customHeight="1" x14ac:dyDescent="0.15">
      <c r="A65" s="38" t="s">
        <v>58</v>
      </c>
      <c r="B65" s="30">
        <v>143847</v>
      </c>
      <c r="C65" s="31">
        <v>10440</v>
      </c>
      <c r="D65" s="32">
        <v>302</v>
      </c>
      <c r="E65" s="33">
        <v>10742</v>
      </c>
      <c r="F65" s="32">
        <v>11627</v>
      </c>
      <c r="G65" s="32">
        <v>424</v>
      </c>
      <c r="H65" s="33">
        <v>12051</v>
      </c>
      <c r="I65" s="34">
        <v>22067</v>
      </c>
      <c r="J65" s="34">
        <v>726</v>
      </c>
      <c r="K65" s="35">
        <v>22793</v>
      </c>
      <c r="L65" s="32">
        <v>12296</v>
      </c>
      <c r="M65" s="32">
        <v>495</v>
      </c>
      <c r="N65" s="36">
        <v>108</v>
      </c>
      <c r="O65" s="37">
        <v>12899</v>
      </c>
    </row>
    <row r="66" spans="1:15" ht="24" customHeight="1" x14ac:dyDescent="0.15">
      <c r="A66" s="38" t="s">
        <v>59</v>
      </c>
      <c r="B66" s="30">
        <v>144011</v>
      </c>
      <c r="C66" s="31">
        <v>18338</v>
      </c>
      <c r="D66" s="32">
        <v>2242</v>
      </c>
      <c r="E66" s="33">
        <v>20580</v>
      </c>
      <c r="F66" s="32">
        <v>16905</v>
      </c>
      <c r="G66" s="32">
        <v>1684</v>
      </c>
      <c r="H66" s="33">
        <v>18589</v>
      </c>
      <c r="I66" s="34">
        <v>35243</v>
      </c>
      <c r="J66" s="34">
        <v>3926</v>
      </c>
      <c r="K66" s="35">
        <v>39169</v>
      </c>
      <c r="L66" s="32">
        <v>17069</v>
      </c>
      <c r="M66" s="32">
        <v>2238</v>
      </c>
      <c r="N66" s="36">
        <v>319</v>
      </c>
      <c r="O66" s="37">
        <v>19626</v>
      </c>
    </row>
    <row r="67" spans="1:15" ht="24" customHeight="1" thickBot="1" x14ac:dyDescent="0.2">
      <c r="A67" s="51" t="s">
        <v>60</v>
      </c>
      <c r="B67" s="52">
        <v>144029</v>
      </c>
      <c r="C67" s="53">
        <v>1302</v>
      </c>
      <c r="D67" s="54">
        <v>63</v>
      </c>
      <c r="E67" s="55">
        <v>1365</v>
      </c>
      <c r="F67" s="54">
        <v>1247</v>
      </c>
      <c r="G67" s="54">
        <v>41</v>
      </c>
      <c r="H67" s="55">
        <v>1288</v>
      </c>
      <c r="I67" s="56">
        <v>2549</v>
      </c>
      <c r="J67" s="56">
        <v>104</v>
      </c>
      <c r="K67" s="57">
        <v>2653</v>
      </c>
      <c r="L67" s="54">
        <v>1249</v>
      </c>
      <c r="M67" s="54">
        <v>13</v>
      </c>
      <c r="N67" s="58">
        <v>0</v>
      </c>
      <c r="O67" s="59">
        <v>1262</v>
      </c>
    </row>
    <row r="68" spans="1:15" ht="24" customHeight="1" x14ac:dyDescent="0.15">
      <c r="A68" s="3" t="s">
        <v>73</v>
      </c>
    </row>
  </sheetData>
  <mergeCells count="6">
    <mergeCell ref="B4:B5"/>
    <mergeCell ref="C3:K3"/>
    <mergeCell ref="L3:O3"/>
    <mergeCell ref="C4:E4"/>
    <mergeCell ref="F4:H4"/>
    <mergeCell ref="I4:K4"/>
  </mergeCells>
  <phoneticPr fontId="2"/>
  <pageMargins left="0.78740157480314965" right="0.59055118110236227" top="0.55118110236220474" bottom="0.55118110236220474" header="0.31496062992125984" footer="0.31496062992125984"/>
  <pageSetup paperSize="8" scale="73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5-12T00:49:03Z</cp:lastPrinted>
  <dcterms:created xsi:type="dcterms:W3CDTF">2020-02-28T01:24:12Z</dcterms:created>
  <dcterms:modified xsi:type="dcterms:W3CDTF">2026-05-12T01:06:21Z</dcterms:modified>
</cp:coreProperties>
</file>